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kfs01\s0522\05_家庭Ｇ\05_太陽光発電（家庭G）\01_ソーラーバンクシステム\01_かながわソーラーバンクシステム実施要領\02_令和８年度改正\"/>
    </mc:Choice>
  </mc:AlternateContent>
  <xr:revisionPtr revIDLastSave="0" documentId="13_ncr:1_{BE208BC7-0868-4E55-B1F0-A3DAAB541F9A}" xr6:coauthVersionLast="47" xr6:coauthVersionMax="47" xr10:uidLastSave="{00000000-0000-0000-0000-000000000000}"/>
  <bookViews>
    <workbookView xWindow="-120" yWindow="-16320" windowWidth="29040" windowHeight="15720" activeTab="3" xr2:uid="{00000000-000D-0000-FFFF-FFFF00000000}"/>
  </bookViews>
  <sheets>
    <sheet name="様式１（登録申請）" sheetId="5" r:id="rId1"/>
    <sheet name="様式２（０円ソーラー）" sheetId="10" r:id="rId2"/>
    <sheet name="様式３（誓約書）" sheetId="11" r:id="rId3"/>
    <sheet name="様式４（役員一覧）" sheetId="16" r:id="rId4"/>
    <sheet name="様式５（対応報告）" sheetId="13" r:id="rId5"/>
    <sheet name="様式６（変更申請）" sheetId="14" r:id="rId6"/>
    <sheet name="様式７（抹消申請）" sheetId="15" r:id="rId7"/>
  </sheets>
  <externalReferences>
    <externalReference r:id="rId8"/>
    <externalReference r:id="rId9"/>
    <externalReference r:id="rId10"/>
    <externalReference r:id="rId11"/>
  </externalReferences>
  <definedNames>
    <definedName name="_xlnm.Print_Area" localSheetId="0">'様式１（登録申請）'!$A$1:$R$30</definedName>
    <definedName name="_xlnm.Print_Area" localSheetId="1">'様式２（０円ソーラー）'!$A$1:$K$83</definedName>
    <definedName name="_xlnm.Print_Area" localSheetId="2">'様式３（誓約書）'!$A$1:$I$39</definedName>
    <definedName name="_xlnm.Print_Area" localSheetId="4">'様式５（対応報告）'!$A$1:$Q$33</definedName>
    <definedName name="_xlnm.Print_Area" localSheetId="5">'様式６（変更申請）'!$A$1:$Q$44</definedName>
    <definedName name="_xlnm.Print_Area" localSheetId="6">'様式７（抹消申請）'!$A$1:$Q$45</definedName>
    <definedName name="Z_864473BD_17CB_4242_8B82_DC63A9F91306_.wvu.Cols" localSheetId="2" hidden="1">'様式３（誓約書）'!$JG:$JG,'様式３（誓約書）'!$TC:$TC,'様式３（誓約書）'!$ACY:$ACY,'様式３（誓約書）'!$AMU:$AMU,'様式３（誓約書）'!$AWQ:$AWQ,'様式３（誓約書）'!$BGM:$BGM,'様式３（誓約書）'!$BQI:$BQI,'様式３（誓約書）'!$CAE:$CAE,'様式３（誓約書）'!$CKA:$CKA,'様式３（誓約書）'!$CTW:$CTW,'様式３（誓約書）'!$DDS:$DDS,'様式３（誓約書）'!$DNO:$DNO,'様式３（誓約書）'!$DXK:$DXK,'様式３（誓約書）'!$EHG:$EHG,'様式３（誓約書）'!$ERC:$ERC,'様式３（誓約書）'!$FAY:$FAY,'様式３（誓約書）'!$FKU:$FKU,'様式３（誓約書）'!$FUQ:$FUQ,'様式３（誓約書）'!$GEM:$GEM,'様式３（誓約書）'!$GOI:$GOI,'様式３（誓約書）'!$GYE:$GYE,'様式３（誓約書）'!$HIA:$HIA,'様式３（誓約書）'!$HRW:$HRW,'様式３（誓約書）'!$IBS:$IBS,'様式３（誓約書）'!$ILO:$ILO,'様式３（誓約書）'!$IVK:$IVK,'様式３（誓約書）'!$JFG:$JFG,'様式３（誓約書）'!$JPC:$JPC,'様式３（誓約書）'!$JYY:$JYY,'様式３（誓約書）'!$KIU:$KIU,'様式３（誓約書）'!$KSQ:$KSQ,'様式３（誓約書）'!$LCM:$LCM,'様式３（誓約書）'!$LMI:$LMI,'様式３（誓約書）'!$LWE:$LWE,'様式３（誓約書）'!$MGA:$MGA,'様式３（誓約書）'!$MPW:$MPW,'様式３（誓約書）'!$MZS:$MZS,'様式３（誓約書）'!$NJO:$NJO,'様式３（誓約書）'!$NTK:$NTK,'様式３（誓約書）'!$ODG:$ODG,'様式３（誓約書）'!$ONC:$ONC,'様式３（誓約書）'!$OWY:$OWY,'様式３（誓約書）'!$PGU:$PGU,'様式３（誓約書）'!$PQQ:$PQQ,'様式３（誓約書）'!$QAM:$QAM,'様式３（誓約書）'!$QKI:$QKI,'様式３（誓約書）'!$QUE:$QUE,'様式３（誓約書）'!$REA:$REA,'様式３（誓約書）'!$RNW:$RNW,'様式３（誓約書）'!$RXS:$RXS,'様式３（誓約書）'!$SHO:$SHO,'様式３（誓約書）'!$SRK:$SRK,'様式３（誓約書）'!$TBG:$TBG,'様式３（誓約書）'!$TLC:$TLC,'様式３（誓約書）'!$TUY:$TUY,'様式３（誓約書）'!$UEU:$UEU,'様式３（誓約書）'!$UOQ:$UOQ,'様式３（誓約書）'!$UYM:$UYM,'様式３（誓約書）'!$VII:$VII,'様式３（誓約書）'!$VSE:$VSE,'様式３（誓約書）'!$WCA:$WCA,'様式３（誓約書）'!$WLW:$WLW,'様式３（誓約書）'!$WVS:$WVS</definedName>
    <definedName name="Z_864473BD_17CB_4242_8B82_DC63A9F91306_.wvu.Cols" localSheetId="4" hidden="1">'様式５（対応報告）'!$AB:$AE,'様式５（対応報告）'!$JI:$JL,'様式５（対応報告）'!$JX:$KA,'様式５（対応報告）'!$TE:$TH,'様式５（対応報告）'!$TT:$TW,'様式５（対応報告）'!$ADA:$ADD,'様式５（対応報告）'!$ADP:$ADS,'様式５（対応報告）'!$AMW:$AMZ,'様式５（対応報告）'!$ANL:$ANO,'様式５（対応報告）'!$AWS:$AWV,'様式５（対応報告）'!$AXH:$AXK,'様式５（対応報告）'!$BGO:$BGR,'様式５（対応報告）'!$BHD:$BHG,'様式５（対応報告）'!$BQK:$BQN,'様式５（対応報告）'!$BQZ:$BRC,'様式５（対応報告）'!$CAG:$CAJ,'様式５（対応報告）'!$CAV:$CAY,'様式５（対応報告）'!$CKC:$CKF,'様式５（対応報告）'!$CKR:$CKU,'様式５（対応報告）'!$CTY:$CUB,'様式５（対応報告）'!$CUN:$CUQ,'様式５（対応報告）'!$DDU:$DDX,'様式５（対応報告）'!$DEJ:$DEM,'様式５（対応報告）'!$DNQ:$DNT,'様式５（対応報告）'!$DOF:$DOI,'様式５（対応報告）'!$DXM:$DXP,'様式５（対応報告）'!$DYB:$DYE,'様式５（対応報告）'!$EHI:$EHL,'様式５（対応報告）'!$EHX:$EIA,'様式５（対応報告）'!$ERE:$ERH,'様式５（対応報告）'!$ERT:$ERW,'様式５（対応報告）'!$FBA:$FBD,'様式５（対応報告）'!$FBP:$FBS,'様式５（対応報告）'!$FKW:$FKZ,'様式５（対応報告）'!$FLL:$FLO,'様式５（対応報告）'!$FUS:$FUV,'様式５（対応報告）'!$FVH:$FVK,'様式５（対応報告）'!$GEO:$GER,'様式５（対応報告）'!$GFD:$GFG,'様式５（対応報告）'!$GOK:$GON,'様式５（対応報告）'!$GOZ:$GPC,'様式５（対応報告）'!$GYG:$GYJ,'様式５（対応報告）'!$GYV:$GYY,'様式５（対応報告）'!$HIC:$HIF,'様式５（対応報告）'!$HIR:$HIU,'様式５（対応報告）'!$HRY:$HSB,'様式５（対応報告）'!$HSN:$HSQ,'様式５（対応報告）'!$IBU:$IBX,'様式５（対応報告）'!$ICJ:$ICM,'様式５（対応報告）'!$ILQ:$ILT,'様式５（対応報告）'!$IMF:$IMI,'様式５（対応報告）'!$IVM:$IVP,'様式５（対応報告）'!$IWB:$IWE,'様式５（対応報告）'!$JFI:$JFL,'様式５（対応報告）'!$JFX:$JGA,'様式５（対応報告）'!$JPE:$JPH,'様式５（対応報告）'!$JPT:$JPW,'様式５（対応報告）'!$JZA:$JZD,'様式５（対応報告）'!$JZP:$JZS,'様式５（対応報告）'!$KIW:$KIZ,'様式５（対応報告）'!$KJL:$KJO,'様式５（対応報告）'!$KSS:$KSV,'様式５（対応報告）'!$KTH:$KTK,'様式５（対応報告）'!$LCO:$LCR,'様式５（対応報告）'!$LDD:$LDG,'様式５（対応報告）'!$LMK:$LMN,'様式５（対応報告）'!$LMZ:$LNC,'様式５（対応報告）'!$LWG:$LWJ,'様式５（対応報告）'!$LWV:$LWY,'様式５（対応報告）'!$MGC:$MGF,'様式５（対応報告）'!$MGR:$MGU,'様式５（対応報告）'!$MPY:$MQB,'様式５（対応報告）'!$MQN:$MQQ,'様式５（対応報告）'!$MZU:$MZX,'様式５（対応報告）'!$NAJ:$NAM,'様式５（対応報告）'!$NJQ:$NJT,'様式５（対応報告）'!$NKF:$NKI,'様式５（対応報告）'!$NTM:$NTP,'様式５（対応報告）'!$NUB:$NUE,'様式５（対応報告）'!$ODI:$ODL,'様式５（対応報告）'!$ODX:$OEA,'様式５（対応報告）'!$ONE:$ONH,'様式５（対応報告）'!$ONT:$ONW,'様式５（対応報告）'!$OXA:$OXD,'様式５（対応報告）'!$OXP:$OXS,'様式５（対応報告）'!$PGW:$PGZ,'様式５（対応報告）'!$PHL:$PHO,'様式５（対応報告）'!$PQS:$PQV,'様式５（対応報告）'!$PRH:$PRK,'様式５（対応報告）'!$QAO:$QAR,'様式５（対応報告）'!$QBD:$QBG,'様式５（対応報告）'!$QKK:$QKN,'様式５（対応報告）'!$QKZ:$QLC,'様式５（対応報告）'!$QUG:$QUJ,'様式５（対応報告）'!$QUV:$QUY,'様式５（対応報告）'!$REC:$REF,'様式５（対応報告）'!$RER:$REU,'様式５（対応報告）'!$RNY:$ROB,'様式５（対応報告）'!$RON:$ROQ,'様式５（対応報告）'!$RXU:$RXX,'様式５（対応報告）'!$RYJ:$RYM,'様式５（対応報告）'!$SHQ:$SHT,'様式５（対応報告）'!$SIF:$SII,'様式５（対応報告）'!$SRM:$SRP,'様式５（対応報告）'!$SSB:$SSE,'様式５（対応報告）'!$TBI:$TBL,'様式５（対応報告）'!$TBX:$TCA,'様式５（対応報告）'!$TLE:$TLH,'様式５（対応報告）'!$TLT:$TLW,'様式５（対応報告）'!$TVA:$TVD,'様式５（対応報告）'!$TVP:$TVS,'様式５（対応報告）'!$UEW:$UEZ,'様式５（対応報告）'!$UFL:$UFO,'様式５（対応報告）'!$UOS:$UOV,'様式５（対応報告）'!$UPH:$UPK,'様式５（対応報告）'!$UYO:$UYR,'様式５（対応報告）'!$UZD:$UZG,'様式５（対応報告）'!$VIK:$VIN,'様式５（対応報告）'!$VIZ:$VJC,'様式５（対応報告）'!$VSG:$VSJ,'様式５（対応報告）'!$VSV:$VSY,'様式５（対応報告）'!$WCC:$WCF,'様式５（対応報告）'!$WCR:$WCU,'様式５（対応報告）'!$WLY:$WMB,'様式５（対応報告）'!$WMN:$WMQ,'様式５（対応報告）'!$WVU:$WVX,'様式５（対応報告）'!$WWJ:$WWM</definedName>
    <definedName name="Z_864473BD_17CB_4242_8B82_DC63A9F91306_.wvu.Cols" localSheetId="5" hidden="1">'様式６（変更申請）'!$AF:$AI,'様式６（変更申請）'!$JM:$JP,'様式６（変更申請）'!$KB:$KE,'様式６（変更申請）'!$TI:$TL,'様式６（変更申請）'!$TX:$UA,'様式６（変更申請）'!$ADE:$ADH,'様式６（変更申請）'!$ADT:$ADW,'様式６（変更申請）'!$ANA:$AND,'様式６（変更申請）'!$ANP:$ANS,'様式６（変更申請）'!$AWW:$AWZ,'様式６（変更申請）'!$AXL:$AXO,'様式６（変更申請）'!$BGS:$BGV,'様式６（変更申請）'!$BHH:$BHK,'様式６（変更申請）'!$BQO:$BQR,'様式６（変更申請）'!$BRD:$BRG,'様式６（変更申請）'!$CAK:$CAN,'様式６（変更申請）'!$CAZ:$CBC,'様式６（変更申請）'!$CKG:$CKJ,'様式６（変更申請）'!$CKV:$CKY,'様式６（変更申請）'!$CUC:$CUF,'様式６（変更申請）'!$CUR:$CUU,'様式６（変更申請）'!$DDY:$DEB,'様式６（変更申請）'!$DEN:$DEQ,'様式６（変更申請）'!$DNU:$DNX,'様式６（変更申請）'!$DOJ:$DOM,'様式６（変更申請）'!$DXQ:$DXT,'様式６（変更申請）'!$DYF:$DYI,'様式６（変更申請）'!$EHM:$EHP,'様式６（変更申請）'!$EIB:$EIE,'様式６（変更申請）'!$ERI:$ERL,'様式６（変更申請）'!$ERX:$ESA,'様式６（変更申請）'!$FBE:$FBH,'様式６（変更申請）'!$FBT:$FBW,'様式６（変更申請）'!$FLA:$FLD,'様式６（変更申請）'!$FLP:$FLS,'様式６（変更申請）'!$FUW:$FUZ,'様式６（変更申請）'!$FVL:$FVO,'様式６（変更申請）'!$GES:$GEV,'様式６（変更申請）'!$GFH:$GFK,'様式６（変更申請）'!$GOO:$GOR,'様式６（変更申請）'!$GPD:$GPG,'様式６（変更申請）'!$GYK:$GYN,'様式６（変更申請）'!$GYZ:$GZC,'様式６（変更申請）'!$HIG:$HIJ,'様式６（変更申請）'!$HIV:$HIY,'様式６（変更申請）'!$HSC:$HSF,'様式６（変更申請）'!$HSR:$HSU,'様式６（変更申請）'!$IBY:$ICB,'様式６（変更申請）'!$ICN:$ICQ,'様式６（変更申請）'!$ILU:$ILX,'様式６（変更申請）'!$IMJ:$IMM,'様式６（変更申請）'!$IVQ:$IVT,'様式６（変更申請）'!$IWF:$IWI,'様式６（変更申請）'!$JFM:$JFP,'様式６（変更申請）'!$JGB:$JGE,'様式６（変更申請）'!$JPI:$JPL,'様式６（変更申請）'!$JPX:$JQA,'様式６（変更申請）'!$JZE:$JZH,'様式６（変更申請）'!$JZT:$JZW,'様式６（変更申請）'!$KJA:$KJD,'様式６（変更申請）'!$KJP:$KJS,'様式６（変更申請）'!$KSW:$KSZ,'様式６（変更申請）'!$KTL:$KTO,'様式６（変更申請）'!$LCS:$LCV,'様式６（変更申請）'!$LDH:$LDK,'様式６（変更申請）'!$LMO:$LMR,'様式６（変更申請）'!$LND:$LNG,'様式６（変更申請）'!$LWK:$LWN,'様式６（変更申請）'!$LWZ:$LXC,'様式６（変更申請）'!$MGG:$MGJ,'様式６（変更申請）'!$MGV:$MGY,'様式６（変更申請）'!$MQC:$MQF,'様式６（変更申請）'!$MQR:$MQU,'様式６（変更申請）'!$MZY:$NAB,'様式６（変更申請）'!$NAN:$NAQ,'様式６（変更申請）'!$NJU:$NJX,'様式６（変更申請）'!$NKJ:$NKM,'様式６（変更申請）'!$NTQ:$NTT,'様式６（変更申請）'!$NUF:$NUI,'様式６（変更申請）'!$ODM:$ODP,'様式６（変更申請）'!$OEB:$OEE,'様式６（変更申請）'!$ONI:$ONL,'様式６（変更申請）'!$ONX:$OOA,'様式６（変更申請）'!$OXE:$OXH,'様式６（変更申請）'!$OXT:$OXW,'様式６（変更申請）'!$PHA:$PHD,'様式６（変更申請）'!$PHP:$PHS,'様式６（変更申請）'!$PQW:$PQZ,'様式６（変更申請）'!$PRL:$PRO,'様式６（変更申請）'!$QAS:$QAV,'様式６（変更申請）'!$QBH:$QBK,'様式６（変更申請）'!$QKO:$QKR,'様式６（変更申請）'!$QLD:$QLG,'様式６（変更申請）'!$QUK:$QUN,'様式６（変更申請）'!$QUZ:$QVC,'様式６（変更申請）'!$REG:$REJ,'様式６（変更申請）'!$REV:$REY,'様式６（変更申請）'!$ROC:$ROF,'様式６（変更申請）'!$ROR:$ROU,'様式６（変更申請）'!$RXY:$RYB,'様式６（変更申請）'!$RYN:$RYQ,'様式６（変更申請）'!$SHU:$SHX,'様式６（変更申請）'!$SIJ:$SIM,'様式６（変更申請）'!$SRQ:$SRT,'様式６（変更申請）'!$SSF:$SSI,'様式６（変更申請）'!$TBM:$TBP,'様式６（変更申請）'!$TCB:$TCE,'様式６（変更申請）'!$TLI:$TLL,'様式６（変更申請）'!$TLX:$TMA,'様式６（変更申請）'!$TVE:$TVH,'様式６（変更申請）'!$TVT:$TVW,'様式６（変更申請）'!$UFA:$UFD,'様式６（変更申請）'!$UFP:$UFS,'様式６（変更申請）'!$UOW:$UOZ,'様式６（変更申請）'!$UPL:$UPO,'様式６（変更申請）'!$UYS:$UYV,'様式６（変更申請）'!$UZH:$UZK,'様式６（変更申請）'!$VIO:$VIR,'様式６（変更申請）'!$VJD:$VJG,'様式６（変更申請）'!$VSK:$VSN,'様式６（変更申請）'!$VSZ:$VTC,'様式６（変更申請）'!$WCG:$WCJ,'様式６（変更申請）'!$WCV:$WCY,'様式６（変更申請）'!$WMC:$WMF,'様式６（変更申請）'!$WMR:$WMU,'様式６（変更申請）'!$WVY:$WWB,'様式６（変更申請）'!$WWN:$WWQ</definedName>
    <definedName name="Z_864473BD_17CB_4242_8B82_DC63A9F91306_.wvu.Cols" localSheetId="6" hidden="1">'様式７（抹消申請）'!$AF:$AI,'様式７（抹消申請）'!$JM:$JP,'様式７（抹消申請）'!$KB:$KE,'様式７（抹消申請）'!$TI:$TL,'様式７（抹消申請）'!$TX:$UA,'様式７（抹消申請）'!$ADE:$ADH,'様式７（抹消申請）'!$ADT:$ADW,'様式７（抹消申請）'!$ANA:$AND,'様式７（抹消申請）'!$ANP:$ANS,'様式７（抹消申請）'!$AWW:$AWZ,'様式７（抹消申請）'!$AXL:$AXO,'様式７（抹消申請）'!$BGS:$BGV,'様式７（抹消申請）'!$BHH:$BHK,'様式７（抹消申請）'!$BQO:$BQR,'様式７（抹消申請）'!$BRD:$BRG,'様式７（抹消申請）'!$CAK:$CAN,'様式７（抹消申請）'!$CAZ:$CBC,'様式７（抹消申請）'!$CKG:$CKJ,'様式７（抹消申請）'!$CKV:$CKY,'様式７（抹消申請）'!$CUC:$CUF,'様式７（抹消申請）'!$CUR:$CUU,'様式７（抹消申請）'!$DDY:$DEB,'様式７（抹消申請）'!$DEN:$DEQ,'様式７（抹消申請）'!$DNU:$DNX,'様式７（抹消申請）'!$DOJ:$DOM,'様式７（抹消申請）'!$DXQ:$DXT,'様式７（抹消申請）'!$DYF:$DYI,'様式７（抹消申請）'!$EHM:$EHP,'様式７（抹消申請）'!$EIB:$EIE,'様式７（抹消申請）'!$ERI:$ERL,'様式７（抹消申請）'!$ERX:$ESA,'様式７（抹消申請）'!$FBE:$FBH,'様式７（抹消申請）'!$FBT:$FBW,'様式７（抹消申請）'!$FLA:$FLD,'様式７（抹消申請）'!$FLP:$FLS,'様式７（抹消申請）'!$FUW:$FUZ,'様式７（抹消申請）'!$FVL:$FVO,'様式７（抹消申請）'!$GES:$GEV,'様式７（抹消申請）'!$GFH:$GFK,'様式７（抹消申請）'!$GOO:$GOR,'様式７（抹消申請）'!$GPD:$GPG,'様式７（抹消申請）'!$GYK:$GYN,'様式７（抹消申請）'!$GYZ:$GZC,'様式７（抹消申請）'!$HIG:$HIJ,'様式７（抹消申請）'!$HIV:$HIY,'様式７（抹消申請）'!$HSC:$HSF,'様式７（抹消申請）'!$HSR:$HSU,'様式７（抹消申請）'!$IBY:$ICB,'様式７（抹消申請）'!$ICN:$ICQ,'様式７（抹消申請）'!$ILU:$ILX,'様式７（抹消申請）'!$IMJ:$IMM,'様式７（抹消申請）'!$IVQ:$IVT,'様式７（抹消申請）'!$IWF:$IWI,'様式７（抹消申請）'!$JFM:$JFP,'様式７（抹消申請）'!$JGB:$JGE,'様式７（抹消申請）'!$JPI:$JPL,'様式７（抹消申請）'!$JPX:$JQA,'様式７（抹消申請）'!$JZE:$JZH,'様式７（抹消申請）'!$JZT:$JZW,'様式７（抹消申請）'!$KJA:$KJD,'様式７（抹消申請）'!$KJP:$KJS,'様式７（抹消申請）'!$KSW:$KSZ,'様式７（抹消申請）'!$KTL:$KTO,'様式７（抹消申請）'!$LCS:$LCV,'様式７（抹消申請）'!$LDH:$LDK,'様式７（抹消申請）'!$LMO:$LMR,'様式７（抹消申請）'!$LND:$LNG,'様式７（抹消申請）'!$LWK:$LWN,'様式７（抹消申請）'!$LWZ:$LXC,'様式７（抹消申請）'!$MGG:$MGJ,'様式７（抹消申請）'!$MGV:$MGY,'様式７（抹消申請）'!$MQC:$MQF,'様式７（抹消申請）'!$MQR:$MQU,'様式７（抹消申請）'!$MZY:$NAB,'様式７（抹消申請）'!$NAN:$NAQ,'様式７（抹消申請）'!$NJU:$NJX,'様式７（抹消申請）'!$NKJ:$NKM,'様式７（抹消申請）'!$NTQ:$NTT,'様式７（抹消申請）'!$NUF:$NUI,'様式７（抹消申請）'!$ODM:$ODP,'様式７（抹消申請）'!$OEB:$OEE,'様式７（抹消申請）'!$ONI:$ONL,'様式７（抹消申請）'!$ONX:$OOA,'様式７（抹消申請）'!$OXE:$OXH,'様式７（抹消申請）'!$OXT:$OXW,'様式７（抹消申請）'!$PHA:$PHD,'様式７（抹消申請）'!$PHP:$PHS,'様式７（抹消申請）'!$PQW:$PQZ,'様式７（抹消申請）'!$PRL:$PRO,'様式７（抹消申請）'!$QAS:$QAV,'様式７（抹消申請）'!$QBH:$QBK,'様式７（抹消申請）'!$QKO:$QKR,'様式７（抹消申請）'!$QLD:$QLG,'様式７（抹消申請）'!$QUK:$QUN,'様式７（抹消申請）'!$QUZ:$QVC,'様式７（抹消申請）'!$REG:$REJ,'様式７（抹消申請）'!$REV:$REY,'様式７（抹消申請）'!$ROC:$ROF,'様式７（抹消申請）'!$ROR:$ROU,'様式７（抹消申請）'!$RXY:$RYB,'様式７（抹消申請）'!$RYN:$RYQ,'様式７（抹消申請）'!$SHU:$SHX,'様式７（抹消申請）'!$SIJ:$SIM,'様式７（抹消申請）'!$SRQ:$SRT,'様式７（抹消申請）'!$SSF:$SSI,'様式７（抹消申請）'!$TBM:$TBP,'様式７（抹消申請）'!$TCB:$TCE,'様式７（抹消申請）'!$TLI:$TLL,'様式７（抹消申請）'!$TLX:$TMA,'様式７（抹消申請）'!$TVE:$TVH,'様式７（抹消申請）'!$TVT:$TVW,'様式７（抹消申請）'!$UFA:$UFD,'様式７（抹消申請）'!$UFP:$UFS,'様式７（抹消申請）'!$UOW:$UOZ,'様式７（抹消申請）'!$UPL:$UPO,'様式７（抹消申請）'!$UYS:$UYV,'様式７（抹消申請）'!$UZH:$UZK,'様式７（抹消申請）'!$VIO:$VIR,'様式７（抹消申請）'!$VJD:$VJG,'様式７（抹消申請）'!$VSK:$VSN,'様式７（抹消申請）'!$VSZ:$VTC,'様式７（抹消申請）'!$WCG:$WCJ,'様式７（抹消申請）'!$WCV:$WCY,'様式７（抹消申請）'!$WMC:$WMF,'様式７（抹消申請）'!$WMR:$WMU,'様式７（抹消申請）'!$WVY:$WWB,'様式７（抹消申請）'!$WWN:$WWQ</definedName>
    <definedName name="Z_864473BD_17CB_4242_8B82_DC63A9F91306_.wvu.PrintArea" localSheetId="0" hidden="1">'様式１（登録申請）'!$A$1:$R$30</definedName>
    <definedName name="Z_864473BD_17CB_4242_8B82_DC63A9F91306_.wvu.PrintArea" localSheetId="1" hidden="1">'様式２（０円ソーラー）'!$A$1:$L$83</definedName>
    <definedName name="Z_864473BD_17CB_4242_8B82_DC63A9F91306_.wvu.PrintArea" localSheetId="2" hidden="1">'様式３（誓約書）'!$A$1:$I$39</definedName>
    <definedName name="Z_864473BD_17CB_4242_8B82_DC63A9F91306_.wvu.PrintArea" localSheetId="4" hidden="1">'様式５（対応報告）'!$A$1:$Q$33</definedName>
    <definedName name="Z_864473BD_17CB_4242_8B82_DC63A9F91306_.wvu.PrintArea" localSheetId="5" hidden="1">'様式６（変更申請）'!$A$1:$Q$44</definedName>
    <definedName name="Z_864473BD_17CB_4242_8B82_DC63A9F91306_.wvu.PrintArea" localSheetId="6" hidden="1">'様式７（抹消申請）'!$A$1:$Q$45</definedName>
    <definedName name="モジュール">#REF!</definedName>
    <definedName name="モジュール種類">#REF!</definedName>
    <definedName name="一面">#REF!</definedName>
    <definedName name="屋根形状">#REF!</definedName>
    <definedName name="屋根材">#REF!</definedName>
    <definedName name="屋根材２">#REF!</definedName>
    <definedName name="三面">#REF!</definedName>
    <definedName name="設置面">#REF!</definedName>
    <definedName name="設備">[1]データ参照シート!$B$2</definedName>
    <definedName name="大分類" localSheetId="0">[2]基本情報!#REF!</definedName>
    <definedName name="大分類" localSheetId="1">[3]基本情報!#REF!</definedName>
    <definedName name="大分類">[3]基本情報!#REF!</definedName>
    <definedName name="提案区分">#REF!</definedName>
    <definedName name="二面">#REF!</definedName>
    <definedName name="年間予測発電量基準地点">#REF!</definedName>
    <definedName name="別1その2">[4]対策!$K$2:$K$9</definedName>
    <definedName name="方角">#REF!</definedName>
  </definedNames>
  <calcPr calcId="191029"/>
  <customWorkbookViews>
    <customWorkbookView name="user - 個人用ビュー" guid="{864473BD-17CB-4242-8B82-DC63A9F91306}" mergeInterval="0" personalView="1" maximized="1" xWindow="-11" yWindow="-11" windowWidth="1942" windowHeight="1162" activeSheetId="10"/>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43" i="10" l="1"/>
  <c r="E43" i="10"/>
  <c r="I34" i="10"/>
  <c r="E34" i="10"/>
  <c r="I46" i="10" l="1"/>
  <c r="I47" i="10" s="1"/>
  <c r="E46" i="10"/>
  <c r="E47" i="10" s="1"/>
  <c r="D4" i="10"/>
  <c r="D5" i="10"/>
  <c r="I27" i="10" l="1"/>
  <c r="I37" i="10" l="1"/>
  <c r="I38" i="10" s="1"/>
  <c r="E37" i="10" l="1"/>
  <c r="E38" i="10" s="1"/>
  <c r="E27" i="10" l="1"/>
  <c r="AH27" i="15"/>
  <c r="AH26" i="15"/>
  <c r="AH25" i="15"/>
  <c r="AH24" i="15"/>
  <c r="C22" i="15"/>
  <c r="AH27" i="14" l="1"/>
  <c r="AH26" i="14"/>
  <c r="AH25" i="14"/>
  <c r="AH24" i="14"/>
  <c r="AH23" i="14"/>
</calcChain>
</file>

<file path=xl/sharedStrings.xml><?xml version="1.0" encoding="utf-8"?>
<sst xmlns="http://schemas.openxmlformats.org/spreadsheetml/2006/main" count="271" uniqueCount="198">
  <si>
    <t>住宅の種類</t>
    <rPh sb="0" eb="2">
      <t>ジュウタク</t>
    </rPh>
    <rPh sb="3" eb="5">
      <t>シュルイ</t>
    </rPh>
    <phoneticPr fontId="8"/>
  </si>
  <si>
    <t>屋根の素材</t>
    <rPh sb="0" eb="2">
      <t>ヤネ</t>
    </rPh>
    <rPh sb="3" eb="5">
      <t>ソザイ</t>
    </rPh>
    <phoneticPr fontId="8"/>
  </si>
  <si>
    <t>屋根の形状</t>
    <rPh sb="0" eb="2">
      <t>ヤネ</t>
    </rPh>
    <rPh sb="3" eb="5">
      <t>ケイジョウ</t>
    </rPh>
    <phoneticPr fontId="8"/>
  </si>
  <si>
    <t>設置面</t>
    <rPh sb="0" eb="2">
      <t>セッチ</t>
    </rPh>
    <rPh sb="2" eb="3">
      <t>メン</t>
    </rPh>
    <phoneticPr fontId="8"/>
  </si>
  <si>
    <t>1世帯当たりの年間使用電力量</t>
    <rPh sb="1" eb="3">
      <t>セタイ</t>
    </rPh>
    <rPh sb="3" eb="4">
      <t>ア</t>
    </rPh>
    <rPh sb="7" eb="9">
      <t>ネンカン</t>
    </rPh>
    <rPh sb="9" eb="11">
      <t>シヨウ</t>
    </rPh>
    <rPh sb="11" eb="13">
      <t>デンリョク</t>
    </rPh>
    <rPh sb="13" eb="14">
      <t>リョウ</t>
    </rPh>
    <phoneticPr fontId="8"/>
  </si>
  <si>
    <t>1世帯当たりの契約アンペア</t>
    <rPh sb="1" eb="3">
      <t>セタイ</t>
    </rPh>
    <rPh sb="3" eb="4">
      <t>ア</t>
    </rPh>
    <rPh sb="7" eb="9">
      <t>ケイヤク</t>
    </rPh>
    <phoneticPr fontId="8"/>
  </si>
  <si>
    <t>設置容量</t>
    <rPh sb="0" eb="2">
      <t>セッチ</t>
    </rPh>
    <rPh sb="2" eb="4">
      <t>ヨウリョウ</t>
    </rPh>
    <phoneticPr fontId="8"/>
  </si>
  <si>
    <t>戸建住宅
階数２</t>
    <rPh sb="0" eb="2">
      <t>コダテ</t>
    </rPh>
    <rPh sb="2" eb="4">
      <t>ジュウタク</t>
    </rPh>
    <rPh sb="5" eb="7">
      <t>カイスウ</t>
    </rPh>
    <phoneticPr fontId="8"/>
  </si>
  <si>
    <t>切妻屋根</t>
    <rPh sb="0" eb="1">
      <t>キリ</t>
    </rPh>
    <rPh sb="1" eb="2">
      <t>ツマ</t>
    </rPh>
    <rPh sb="2" eb="4">
      <t>ヤネ</t>
    </rPh>
    <phoneticPr fontId="8"/>
  </si>
  <si>
    <t>１面</t>
    <rPh sb="1" eb="2">
      <t>メン</t>
    </rPh>
    <phoneticPr fontId="8"/>
  </si>
  <si>
    <t>４kW</t>
    <phoneticPr fontId="8"/>
  </si>
  <si>
    <t>年間</t>
    <rPh sb="0" eb="2">
      <t>ネンカン</t>
    </rPh>
    <phoneticPr fontId="8"/>
  </si>
  <si>
    <t>年</t>
    <rPh sb="0" eb="1">
      <t>ネン</t>
    </rPh>
    <phoneticPr fontId="8"/>
  </si>
  <si>
    <t>代表者の職・氏名</t>
    <rPh sb="0" eb="3">
      <t>ダイヒョウシャ</t>
    </rPh>
    <rPh sb="4" eb="5">
      <t>ショク</t>
    </rPh>
    <rPh sb="6" eb="8">
      <t>シメイ</t>
    </rPh>
    <phoneticPr fontId="8"/>
  </si>
  <si>
    <t>事業プランに関する問合せ先等</t>
    <rPh sb="0" eb="2">
      <t>ジギョウ</t>
    </rPh>
    <rPh sb="6" eb="7">
      <t>カン</t>
    </rPh>
    <rPh sb="9" eb="11">
      <t>トイアワ</t>
    </rPh>
    <rPh sb="12" eb="13">
      <t>サキ</t>
    </rPh>
    <rPh sb="13" eb="14">
      <t>ナド</t>
    </rPh>
    <phoneticPr fontId="8"/>
  </si>
  <si>
    <t>URL</t>
    <phoneticPr fontId="8"/>
  </si>
  <si>
    <t>名　称</t>
    <rPh sb="0" eb="1">
      <t>メイ</t>
    </rPh>
    <rPh sb="2" eb="3">
      <t>ショウ</t>
    </rPh>
    <phoneticPr fontId="8"/>
  </si>
  <si>
    <t/>
  </si>
  <si>
    <t>記</t>
    <rPh sb="0" eb="1">
      <t>キ</t>
    </rPh>
    <phoneticPr fontId="8"/>
  </si>
  <si>
    <t>（E-mail</t>
    <phoneticPr fontId="8"/>
  </si>
  <si>
    <t>事業プランの説明・アピールポイント等</t>
    <rPh sb="0" eb="2">
      <t>ジギョウ</t>
    </rPh>
    <rPh sb="6" eb="8">
      <t>セツメイ</t>
    </rPh>
    <rPh sb="17" eb="18">
      <t>ナド</t>
    </rPh>
    <phoneticPr fontId="8"/>
  </si>
  <si>
    <t>様式１</t>
    <rPh sb="0" eb="2">
      <t>ヨウシキ</t>
    </rPh>
    <phoneticPr fontId="8"/>
  </si>
  <si>
    <t>様式２</t>
    <rPh sb="0" eb="2">
      <t>ヨウシキ</t>
    </rPh>
    <phoneticPr fontId="8"/>
  </si>
  <si>
    <t>円</t>
    <rPh sb="0" eb="1">
      <t>エン</t>
    </rPh>
    <phoneticPr fontId="8"/>
  </si>
  <si>
    <t>電話番号</t>
    <rPh sb="0" eb="2">
      <t>デンワ</t>
    </rPh>
    <rPh sb="2" eb="3">
      <t>バン</t>
    </rPh>
    <rPh sb="3" eb="4">
      <t>ゴウ</t>
    </rPh>
    <phoneticPr fontId="8"/>
  </si>
  <si>
    <t>特記事項</t>
    <rPh sb="0" eb="2">
      <t>トッキ</t>
    </rPh>
    <rPh sb="2" eb="4">
      <t>ジコウ</t>
    </rPh>
    <phoneticPr fontId="8"/>
  </si>
  <si>
    <t>部分を入力してください。</t>
    <rPh sb="0" eb="2">
      <t>ブブン</t>
    </rPh>
    <rPh sb="3" eb="5">
      <t>ニュウリョク</t>
    </rPh>
    <phoneticPr fontId="18"/>
  </si>
  <si>
    <t>神奈川県知事　殿</t>
    <rPh sb="0" eb="3">
      <t>カナガワ</t>
    </rPh>
    <rPh sb="3" eb="6">
      <t>ケンチジ</t>
    </rPh>
    <rPh sb="7" eb="8">
      <t>ドノ</t>
    </rPh>
    <phoneticPr fontId="8"/>
  </si>
  <si>
    <t>令和</t>
    <rPh sb="0" eb="2">
      <t>レイワ</t>
    </rPh>
    <phoneticPr fontId="8"/>
  </si>
  <si>
    <t>かながわソーラーバンクシステム設置プラン登録申請書</t>
    <rPh sb="15" eb="17">
      <t>セッチ</t>
    </rPh>
    <rPh sb="20" eb="22">
      <t>トウロク</t>
    </rPh>
    <rPh sb="22" eb="25">
      <t>シンセイショ</t>
    </rPh>
    <phoneticPr fontId="8"/>
  </si>
  <si>
    <t xml:space="preserve">  かながわソーラーバンクシステム実施要領に基づき、次のとおり申請します。</t>
    <rPh sb="17" eb="19">
      <t>ジッシ</t>
    </rPh>
    <rPh sb="19" eb="21">
      <t>ヨウリョウ</t>
    </rPh>
    <rPh sb="22" eb="23">
      <t>モト</t>
    </rPh>
    <rPh sb="26" eb="27">
      <t>ツギ</t>
    </rPh>
    <phoneticPr fontId="8"/>
  </si>
  <si>
    <t>保障</t>
    <rPh sb="0" eb="2">
      <t>ホショウ</t>
    </rPh>
    <phoneticPr fontId="8"/>
  </si>
  <si>
    <t>故障時の対応</t>
    <rPh sb="0" eb="3">
      <t>コショウジ</t>
    </rPh>
    <rPh sb="4" eb="6">
      <t>タイオウ</t>
    </rPh>
    <phoneticPr fontId="8"/>
  </si>
  <si>
    <t>定期点検</t>
    <rPh sb="0" eb="2">
      <t>テイキ</t>
    </rPh>
    <rPh sb="2" eb="4">
      <t>テンケン</t>
    </rPh>
    <phoneticPr fontId="8"/>
  </si>
  <si>
    <t>パネル出力保証</t>
    <rPh sb="3" eb="5">
      <t>シュツリョク</t>
    </rPh>
    <rPh sb="5" eb="7">
      <t>ホショウ</t>
    </rPh>
    <phoneticPr fontId="8"/>
  </si>
  <si>
    <t>システム保証</t>
    <rPh sb="4" eb="6">
      <t>ホショウ</t>
    </rPh>
    <phoneticPr fontId="8"/>
  </si>
  <si>
    <t>施工保証</t>
    <rPh sb="0" eb="2">
      <t>セコウ</t>
    </rPh>
    <rPh sb="2" eb="4">
      <t>ホショウ</t>
    </rPh>
    <phoneticPr fontId="8"/>
  </si>
  <si>
    <t>災害補償</t>
    <rPh sb="0" eb="2">
      <t>サイガイ</t>
    </rPh>
    <rPh sb="2" eb="4">
      <t>ホショウ</t>
    </rPh>
    <phoneticPr fontId="8"/>
  </si>
  <si>
    <t>保証者</t>
    <rPh sb="0" eb="2">
      <t>ホショウ</t>
    </rPh>
    <rPh sb="2" eb="3">
      <t>シャ</t>
    </rPh>
    <phoneticPr fontId="8"/>
  </si>
  <si>
    <t>補償者</t>
    <rPh sb="0" eb="2">
      <t>ホショウ</t>
    </rPh>
    <rPh sb="2" eb="3">
      <t>シャ</t>
    </rPh>
    <phoneticPr fontId="8"/>
  </si>
  <si>
    <t>周期</t>
    <rPh sb="0" eb="2">
      <t>シュウキ</t>
    </rPh>
    <phoneticPr fontId="8"/>
  </si>
  <si>
    <t>内容（点検対象）</t>
    <rPh sb="0" eb="2">
      <t>ナイヨウ</t>
    </rPh>
    <rPh sb="3" eb="5">
      <t>テンケン</t>
    </rPh>
    <rPh sb="5" eb="7">
      <t>タイショウ</t>
    </rPh>
    <phoneticPr fontId="8"/>
  </si>
  <si>
    <t>点検者</t>
    <rPh sb="0" eb="2">
      <t>テンケン</t>
    </rPh>
    <rPh sb="2" eb="3">
      <t>シャ</t>
    </rPh>
    <phoneticPr fontId="8"/>
  </si>
  <si>
    <t>点検費用</t>
    <rPh sb="0" eb="2">
      <t>テンケン</t>
    </rPh>
    <rPh sb="2" eb="4">
      <t>ヒヨウ</t>
    </rPh>
    <phoneticPr fontId="8"/>
  </si>
  <si>
    <t>連絡先（注）</t>
    <rPh sb="0" eb="3">
      <t>レンラクサキ</t>
    </rPh>
    <rPh sb="4" eb="5">
      <t>チュウ</t>
    </rPh>
    <phoneticPr fontId="8"/>
  </si>
  <si>
    <t>事業プランの名称</t>
    <rPh sb="0" eb="2">
      <t>ジギョウ</t>
    </rPh>
    <phoneticPr fontId="8"/>
  </si>
  <si>
    <t>（注）　連絡先は、事業全般の内容について総括的な対応が可能であるとともに、県からの指示に対し、一元的な
　　　窓口となる担当者を記載すること。</t>
    <rPh sb="1" eb="2">
      <t>チュウ</t>
    </rPh>
    <rPh sb="37" eb="38">
      <t>ケン</t>
    </rPh>
    <rPh sb="41" eb="43">
      <t>シジ</t>
    </rPh>
    <rPh sb="44" eb="45">
      <t>タイ</t>
    </rPh>
    <phoneticPr fontId="8"/>
  </si>
  <si>
    <t>支払総額</t>
    <rPh sb="0" eb="2">
      <t>シハライ</t>
    </rPh>
    <rPh sb="2" eb="4">
      <t>ソウガク</t>
    </rPh>
    <phoneticPr fontId="8"/>
  </si>
  <si>
    <t>円</t>
    <rPh sb="0" eb="1">
      <t>エン</t>
    </rPh>
    <phoneticPr fontId="8"/>
  </si>
  <si>
    <t>　１事業プランの種類において「その他」を選んだ場合又は上記の料金形態に該当しない場合は、別途資料を添付すること。</t>
    <phoneticPr fontId="8"/>
  </si>
  <si>
    <t>　（３）その他</t>
    <rPh sb="6" eb="7">
      <t>タ</t>
    </rPh>
    <phoneticPr fontId="8"/>
  </si>
  <si>
    <t>諸条件</t>
    <rPh sb="0" eb="3">
      <t>ショジョウケン</t>
    </rPh>
    <phoneticPr fontId="8"/>
  </si>
  <si>
    <t>契約者の年齢制限</t>
    <rPh sb="0" eb="3">
      <t>ケイヤクシャ</t>
    </rPh>
    <rPh sb="4" eb="6">
      <t>ネンレイ</t>
    </rPh>
    <rPh sb="6" eb="8">
      <t>セイゲン</t>
    </rPh>
    <phoneticPr fontId="8"/>
  </si>
  <si>
    <t>築年数の制限</t>
    <rPh sb="0" eb="1">
      <t>チク</t>
    </rPh>
    <rPh sb="1" eb="3">
      <t>ネンスウ</t>
    </rPh>
    <rPh sb="4" eb="6">
      <t>セイゲン</t>
    </rPh>
    <phoneticPr fontId="8"/>
  </si>
  <si>
    <t>その他の制限</t>
    <rPh sb="2" eb="3">
      <t>タ</t>
    </rPh>
    <rPh sb="4" eb="6">
      <t>セイゲン</t>
    </rPh>
    <phoneticPr fontId="8"/>
  </si>
  <si>
    <t>歳未満</t>
    <rPh sb="0" eb="1">
      <t>サイ</t>
    </rPh>
    <rPh sb="1" eb="3">
      <t>ミマン</t>
    </rPh>
    <phoneticPr fontId="8"/>
  </si>
  <si>
    <t>年未満</t>
    <rPh sb="0" eb="1">
      <t>ネン</t>
    </rPh>
    <rPh sb="1" eb="3">
      <t>ミマン</t>
    </rPh>
    <phoneticPr fontId="8"/>
  </si>
  <si>
    <t>料金比較シミュレーション</t>
    <rPh sb="0" eb="2">
      <t>リョウキン</t>
    </rPh>
    <rPh sb="2" eb="4">
      <t>ヒカク</t>
    </rPh>
    <phoneticPr fontId="8"/>
  </si>
  <si>
    <t>kW以上</t>
    <rPh sb="2" eb="4">
      <t>イジョウ</t>
    </rPh>
    <phoneticPr fontId="8"/>
  </si>
  <si>
    <t>太陽光発電システムの設計費、設備費及び工事費の合計</t>
    <rPh sb="0" eb="3">
      <t>タイヨウコウ</t>
    </rPh>
    <rPh sb="3" eb="5">
      <t>ハツデン</t>
    </rPh>
    <rPh sb="10" eb="12">
      <t>セッケイ</t>
    </rPh>
    <rPh sb="12" eb="13">
      <t>ヒ</t>
    </rPh>
    <rPh sb="14" eb="17">
      <t>セツビヒ</t>
    </rPh>
    <rPh sb="17" eb="18">
      <t>オヨ</t>
    </rPh>
    <rPh sb="19" eb="21">
      <t>コウジ</t>
    </rPh>
    <rPh sb="21" eb="22">
      <t>ヒ</t>
    </rPh>
    <rPh sb="23" eb="25">
      <t>ゴウケイ</t>
    </rPh>
    <phoneticPr fontId="8"/>
  </si>
  <si>
    <t>　〇設置費用</t>
    <rPh sb="2" eb="4">
      <t>セッチ</t>
    </rPh>
    <rPh sb="4" eb="6">
      <t>ヒヨウ</t>
    </rPh>
    <phoneticPr fontId="8"/>
  </si>
  <si>
    <t>※設置費用は県のHP上では公開されません。</t>
    <rPh sb="1" eb="3">
      <t>セッチ</t>
    </rPh>
    <rPh sb="3" eb="5">
      <t>ヒヨウ</t>
    </rPh>
    <rPh sb="6" eb="7">
      <t>ケン</t>
    </rPh>
    <rPh sb="10" eb="11">
      <t>ジョウ</t>
    </rPh>
    <rPh sb="13" eb="15">
      <t>コウカイ</t>
    </rPh>
    <phoneticPr fontId="8"/>
  </si>
  <si>
    <t>様式３</t>
    <rPh sb="0" eb="2">
      <t>ヨウシキ</t>
    </rPh>
    <phoneticPr fontId="8"/>
  </si>
  <si>
    <t>申請者</t>
    <rPh sb="0" eb="3">
      <t>シンセイシャ</t>
    </rPh>
    <phoneticPr fontId="8"/>
  </si>
  <si>
    <t>40A</t>
    <phoneticPr fontId="8"/>
  </si>
  <si>
    <t>　神奈川県知事　殿</t>
    <rPh sb="1" eb="4">
      <t>カナガワ</t>
    </rPh>
    <rPh sb="4" eb="7">
      <t>ケンチジ</t>
    </rPh>
    <rPh sb="8" eb="9">
      <t>ドノ</t>
    </rPh>
    <phoneticPr fontId="21"/>
  </si>
  <si>
    <t>（代表事業者名称）</t>
    <rPh sb="1" eb="3">
      <t>ダイヒョウ</t>
    </rPh>
    <rPh sb="3" eb="5">
      <t>ジギョウ</t>
    </rPh>
    <rPh sb="5" eb="6">
      <t>シャ</t>
    </rPh>
    <rPh sb="6" eb="8">
      <t>メイショウ</t>
    </rPh>
    <phoneticPr fontId="21"/>
  </si>
  <si>
    <t>（所在地）</t>
    <rPh sb="1" eb="4">
      <t>ショザイチ</t>
    </rPh>
    <phoneticPr fontId="21"/>
  </si>
  <si>
    <t>（代表者職名・氏名）</t>
    <rPh sb="1" eb="4">
      <t>ダイヒョウシャ</t>
    </rPh>
    <rPh sb="4" eb="6">
      <t>ショクメイ</t>
    </rPh>
    <rPh sb="7" eb="8">
      <t>ウジ</t>
    </rPh>
    <rPh sb="8" eb="9">
      <t>ナ</t>
    </rPh>
    <phoneticPr fontId="21"/>
  </si>
  <si>
    <t>　弊社は、かながわソーラーバンクシステム設置プランの登録申請にあたり下記の事項</t>
    <rPh sb="1" eb="3">
      <t>ヘイシャ</t>
    </rPh>
    <rPh sb="20" eb="22">
      <t>セッチ</t>
    </rPh>
    <rPh sb="26" eb="28">
      <t>トウロク</t>
    </rPh>
    <rPh sb="28" eb="30">
      <t>シンセイ</t>
    </rPh>
    <phoneticPr fontId="21"/>
  </si>
  <si>
    <t>について相違ないことを誓約します。</t>
    <phoneticPr fontId="21"/>
  </si>
  <si>
    <t>記</t>
    <rPh sb="0" eb="1">
      <t>キ</t>
    </rPh>
    <phoneticPr fontId="21"/>
  </si>
  <si>
    <t>　６　県税その他の租税を滞納していないこと。</t>
    <rPh sb="3" eb="5">
      <t>ケンゼイ</t>
    </rPh>
    <rPh sb="7" eb="8">
      <t>タ</t>
    </rPh>
    <rPh sb="9" eb="11">
      <t>ソゼイ</t>
    </rPh>
    <rPh sb="12" eb="14">
      <t>タイノウ</t>
    </rPh>
    <phoneticPr fontId="21"/>
  </si>
  <si>
    <t>　７　神奈川県が措置する指名停止期間中の者でないこと。</t>
    <rPh sb="3" eb="7">
      <t>カナガワケン</t>
    </rPh>
    <rPh sb="8" eb="10">
      <t>ソチ</t>
    </rPh>
    <rPh sb="12" eb="14">
      <t>シメイ</t>
    </rPh>
    <rPh sb="14" eb="16">
      <t>テイシ</t>
    </rPh>
    <rPh sb="16" eb="19">
      <t>キカンチュウ</t>
    </rPh>
    <rPh sb="20" eb="21">
      <t>モノ</t>
    </rPh>
    <phoneticPr fontId="21"/>
  </si>
  <si>
    <t>　９　登録プランの太陽光発電設備を確保し、滞りなく供給すること。</t>
    <rPh sb="3" eb="5">
      <t>トウロク</t>
    </rPh>
    <rPh sb="9" eb="12">
      <t>タイヨウコウ</t>
    </rPh>
    <rPh sb="12" eb="14">
      <t>ハツデン</t>
    </rPh>
    <rPh sb="14" eb="16">
      <t>セツビ</t>
    </rPh>
    <rPh sb="17" eb="19">
      <t>カクホ</t>
    </rPh>
    <rPh sb="21" eb="22">
      <t>トドコオ</t>
    </rPh>
    <rPh sb="25" eb="27">
      <t>キョウキュウ</t>
    </rPh>
    <phoneticPr fontId="21"/>
  </si>
  <si>
    <t>以　上</t>
    <phoneticPr fontId="21"/>
  </si>
  <si>
    <t>様式６</t>
    <rPh sb="0" eb="2">
      <t>ヨウシキ</t>
    </rPh>
    <phoneticPr fontId="8"/>
  </si>
  <si>
    <t>様式４</t>
    <rPh sb="0" eb="2">
      <t>ヨウシキ</t>
    </rPh>
    <phoneticPr fontId="8"/>
  </si>
  <si>
    <t>　〇設置費用算出の条件</t>
    <rPh sb="2" eb="4">
      <t>セッチ</t>
    </rPh>
    <rPh sb="4" eb="6">
      <t>ヒヨウ</t>
    </rPh>
    <phoneticPr fontId="8"/>
  </si>
  <si>
    <t>月</t>
    <rPh sb="0" eb="1">
      <t>ツキ</t>
    </rPh>
    <phoneticPr fontId="8"/>
  </si>
  <si>
    <t>日</t>
    <rPh sb="0" eb="1">
      <t>ヒ</t>
    </rPh>
    <phoneticPr fontId="8"/>
  </si>
  <si>
    <t>住　所</t>
  </si>
  <si>
    <t xml:space="preserve">会社名 </t>
    <rPh sb="0" eb="2">
      <t>カイシャ</t>
    </rPh>
    <rPh sb="2" eb="3">
      <t>ナ</t>
    </rPh>
    <phoneticPr fontId="8"/>
  </si>
  <si>
    <t>部課名</t>
    <rPh sb="0" eb="2">
      <t>ブカ</t>
    </rPh>
    <rPh sb="2" eb="3">
      <t>ナ</t>
    </rPh>
    <phoneticPr fontId="8"/>
  </si>
  <si>
    <t>担当者氏名</t>
    <rPh sb="0" eb="3">
      <t>タントウシャ</t>
    </rPh>
    <rPh sb="3" eb="5">
      <t>シメイ</t>
    </rPh>
    <phoneticPr fontId="8"/>
  </si>
  <si>
    <t>）</t>
  </si>
  <si>
    <t>（電話番号</t>
    <phoneticPr fontId="8"/>
  </si>
  <si>
    <t>（携帯電話</t>
    <phoneticPr fontId="8"/>
  </si>
  <si>
    <t>　１　過去２年以内に銀行取引停止処分を受けていないこと。</t>
    <rPh sb="3" eb="5">
      <t>カコ</t>
    </rPh>
    <rPh sb="6" eb="7">
      <t>ネン</t>
    </rPh>
    <rPh sb="7" eb="9">
      <t>イナイ</t>
    </rPh>
    <rPh sb="10" eb="12">
      <t>ギンコウ</t>
    </rPh>
    <rPh sb="12" eb="14">
      <t>トリヒキ</t>
    </rPh>
    <rPh sb="14" eb="16">
      <t>テイシ</t>
    </rPh>
    <rPh sb="16" eb="18">
      <t>ショブン</t>
    </rPh>
    <rPh sb="19" eb="20">
      <t>ウ</t>
    </rPh>
    <phoneticPr fontId="21"/>
  </si>
  <si>
    <t>　２　過去６か月以内に不渡手形又は不渡小切手を出していないこと。</t>
    <rPh sb="3" eb="5">
      <t>カコ</t>
    </rPh>
    <rPh sb="7" eb="8">
      <t>ゲツ</t>
    </rPh>
    <rPh sb="8" eb="10">
      <t>イナイ</t>
    </rPh>
    <rPh sb="11" eb="15">
      <t>フワタリテガタ</t>
    </rPh>
    <rPh sb="15" eb="16">
      <t>マタ</t>
    </rPh>
    <rPh sb="17" eb="19">
      <t>フワタ</t>
    </rPh>
    <rPh sb="19" eb="22">
      <t>コギッテ</t>
    </rPh>
    <rPh sb="23" eb="24">
      <t>ダ</t>
    </rPh>
    <phoneticPr fontId="21"/>
  </si>
  <si>
    <t>　５　補助事業を円滑に遂行できる安定的かつ健全な財政能力を有すること
　　（債務超過の状況にないこと。）。</t>
    <rPh sb="3" eb="5">
      <t>ホジョ</t>
    </rPh>
    <rPh sb="5" eb="7">
      <t>ジギョウ</t>
    </rPh>
    <rPh sb="8" eb="10">
      <t>エンカツ</t>
    </rPh>
    <rPh sb="11" eb="13">
      <t>スイコウ</t>
    </rPh>
    <rPh sb="16" eb="19">
      <t>アンテイテキ</t>
    </rPh>
    <rPh sb="21" eb="23">
      <t>ケンゼン</t>
    </rPh>
    <rPh sb="24" eb="26">
      <t>ザイセイ</t>
    </rPh>
    <rPh sb="26" eb="28">
      <t>ノウリョク</t>
    </rPh>
    <rPh sb="29" eb="30">
      <t>ユウ</t>
    </rPh>
    <rPh sb="38" eb="40">
      <t>サイム</t>
    </rPh>
    <rPh sb="40" eb="42">
      <t>チョウカ</t>
    </rPh>
    <rPh sb="43" eb="45">
      <t>ジョウキョウ</t>
    </rPh>
    <phoneticPr fontId="21"/>
  </si>
  <si>
    <t>かながわソーラーバンクシステムに係る対応状況報告書</t>
    <rPh sb="16" eb="17">
      <t>カカ</t>
    </rPh>
    <rPh sb="18" eb="20">
      <t>タイオウ</t>
    </rPh>
    <rPh sb="20" eb="22">
      <t>ジョウキョウ</t>
    </rPh>
    <rPh sb="22" eb="24">
      <t>ホウコク</t>
    </rPh>
    <rPh sb="24" eb="25">
      <t>ショ</t>
    </rPh>
    <phoneticPr fontId="21"/>
  </si>
  <si>
    <t>記入にあたって</t>
    <rPh sb="0" eb="2">
      <t>キニュウ</t>
    </rPh>
    <phoneticPr fontId="21"/>
  </si>
  <si>
    <t>代表事業者</t>
    <rPh sb="0" eb="2">
      <t>ダイヒョウ</t>
    </rPh>
    <rPh sb="2" eb="5">
      <t>ジギョウシャ</t>
    </rPh>
    <phoneticPr fontId="21"/>
  </si>
  <si>
    <t>（名称）</t>
    <rPh sb="1" eb="3">
      <t>メイショウ</t>
    </rPh>
    <phoneticPr fontId="21"/>
  </si>
  <si>
    <t>代表事業者名の正式名称を記入してください（全角）</t>
    <rPh sb="0" eb="2">
      <t>ダイヒョウ</t>
    </rPh>
    <rPh sb="2" eb="4">
      <t>ジギョウ</t>
    </rPh>
    <rPh sb="5" eb="6">
      <t>メイ</t>
    </rPh>
    <rPh sb="7" eb="9">
      <t>セイシキ</t>
    </rPh>
    <rPh sb="9" eb="11">
      <t>メイショウ</t>
    </rPh>
    <rPh sb="12" eb="14">
      <t>キニュウ</t>
    </rPh>
    <rPh sb="21" eb="23">
      <t>ゼンカク</t>
    </rPh>
    <phoneticPr fontId="21"/>
  </si>
  <si>
    <t>代表事業者名の所在地を記入してください（全角英数字）</t>
    <rPh sb="0" eb="2">
      <t>ダイヒョウ</t>
    </rPh>
    <rPh sb="2" eb="4">
      <t>ジギョウ</t>
    </rPh>
    <rPh sb="5" eb="6">
      <t>メイ</t>
    </rPh>
    <rPh sb="7" eb="10">
      <t>ショザイチ</t>
    </rPh>
    <rPh sb="11" eb="13">
      <t>キニュウ</t>
    </rPh>
    <rPh sb="20" eb="22">
      <t>ゼンカク</t>
    </rPh>
    <rPh sb="22" eb="25">
      <t>エイスウジ</t>
    </rPh>
    <phoneticPr fontId="21"/>
  </si>
  <si>
    <t>（代表者職名・氏名）</t>
    <rPh sb="1" eb="4">
      <t>ダイヒョウシャ</t>
    </rPh>
    <rPh sb="4" eb="6">
      <t>ショクメイ</t>
    </rPh>
    <rPh sb="7" eb="8">
      <t>シ</t>
    </rPh>
    <rPh sb="8" eb="9">
      <t>メイ</t>
    </rPh>
    <phoneticPr fontId="21"/>
  </si>
  <si>
    <t>代表者の職名と氏名を記入してください（全角）</t>
    <rPh sb="0" eb="3">
      <t>ダイヒョウシャ</t>
    </rPh>
    <rPh sb="4" eb="6">
      <t>ショクメイ</t>
    </rPh>
    <rPh sb="7" eb="9">
      <t>シメイ</t>
    </rPh>
    <rPh sb="10" eb="12">
      <t>キニュウ</t>
    </rPh>
    <rPh sb="19" eb="21">
      <t>ゼンカク</t>
    </rPh>
    <phoneticPr fontId="21"/>
  </si>
  <si>
    <t>　かながわソーラーバンクシステム係る対応状況について、以下のとおり報告します。</t>
    <rPh sb="16" eb="17">
      <t>カカ</t>
    </rPh>
    <rPh sb="18" eb="20">
      <t>タイオウ</t>
    </rPh>
    <rPh sb="20" eb="22">
      <t>ジョウキョウ</t>
    </rPh>
    <rPh sb="27" eb="29">
      <t>イカ</t>
    </rPh>
    <rPh sb="33" eb="35">
      <t>ホウコク</t>
    </rPh>
    <phoneticPr fontId="30"/>
  </si>
  <si>
    <t>成約件数</t>
    <rPh sb="0" eb="2">
      <t>セイヤク</t>
    </rPh>
    <rPh sb="2" eb="4">
      <t>ケンスウ</t>
    </rPh>
    <phoneticPr fontId="30"/>
  </si>
  <si>
    <t>①登録プランの成約</t>
    <rPh sb="1" eb="3">
      <t>トウロク</t>
    </rPh>
    <rPh sb="7" eb="9">
      <t>セイヤク</t>
    </rPh>
    <phoneticPr fontId="30"/>
  </si>
  <si>
    <t>②登録プラン外の成約</t>
    <rPh sb="1" eb="3">
      <t>トウロク</t>
    </rPh>
    <rPh sb="6" eb="7">
      <t>ガイ</t>
    </rPh>
    <rPh sb="8" eb="10">
      <t>セイヤク</t>
    </rPh>
    <phoneticPr fontId="30"/>
  </si>
  <si>
    <t>問合せ先</t>
    <rPh sb="0" eb="1">
      <t>ト</t>
    </rPh>
    <rPh sb="1" eb="2">
      <t>ア</t>
    </rPh>
    <rPh sb="3" eb="4">
      <t>サキ</t>
    </rPh>
    <phoneticPr fontId="30"/>
  </si>
  <si>
    <t>１　ソーラーバンクシステムを経由した成約状況</t>
    <rPh sb="18" eb="20">
      <t>セイヤク</t>
    </rPh>
    <rPh sb="20" eb="22">
      <t>ジョウキョウ</t>
    </rPh>
    <phoneticPr fontId="21"/>
  </si>
  <si>
    <t>２　特記事項</t>
    <rPh sb="2" eb="4">
      <t>トッキ</t>
    </rPh>
    <rPh sb="4" eb="6">
      <t>ジコウ</t>
    </rPh>
    <phoneticPr fontId="21"/>
  </si>
  <si>
    <t>記入に当たって</t>
    <rPh sb="0" eb="2">
      <t>キニュウ</t>
    </rPh>
    <rPh sb="3" eb="4">
      <t>ア</t>
    </rPh>
    <phoneticPr fontId="21"/>
  </si>
  <si>
    <r>
      <t>提出年月日を</t>
    </r>
    <r>
      <rPr>
        <b/>
        <sz val="12"/>
        <color indexed="10"/>
        <rFont val="ＭＳ 明朝"/>
        <family val="1"/>
        <charset val="128"/>
      </rPr>
      <t>和暦</t>
    </r>
    <r>
      <rPr>
        <sz val="11"/>
        <rFont val="ＭＳ Ｐゴシック"/>
        <family val="3"/>
        <charset val="128"/>
      </rPr>
      <t>で記入してください</t>
    </r>
    <rPh sb="0" eb="2">
      <t>テイシュツ</t>
    </rPh>
    <rPh sb="2" eb="5">
      <t>ネンガッピ</t>
    </rPh>
    <rPh sb="6" eb="8">
      <t>ワレキ</t>
    </rPh>
    <rPh sb="9" eb="11">
      <t>キニュウ</t>
    </rPh>
    <phoneticPr fontId="21"/>
  </si>
  <si>
    <t>代表事業者の正式名称を記入してください（全角）</t>
    <rPh sb="0" eb="2">
      <t>ダイヒョウ</t>
    </rPh>
    <rPh sb="2" eb="5">
      <t>ジギョウシャ</t>
    </rPh>
    <rPh sb="6" eb="8">
      <t>セイシキ</t>
    </rPh>
    <rPh sb="8" eb="10">
      <t>メイショウ</t>
    </rPh>
    <rPh sb="11" eb="13">
      <t>キニュウ</t>
    </rPh>
    <rPh sb="20" eb="22">
      <t>ゼンカク</t>
    </rPh>
    <phoneticPr fontId="21"/>
  </si>
  <si>
    <t>（本店所在地）</t>
    <rPh sb="1" eb="3">
      <t>ホンテン</t>
    </rPh>
    <rPh sb="3" eb="6">
      <t>ショザイチ</t>
    </rPh>
    <phoneticPr fontId="21"/>
  </si>
  <si>
    <t>代表事業者の本社所在地を記入してください（全角英数字）</t>
    <rPh sb="0" eb="2">
      <t>ダイヒョウ</t>
    </rPh>
    <rPh sb="2" eb="5">
      <t>ジギョウシャ</t>
    </rPh>
    <rPh sb="6" eb="8">
      <t>ホンシャ</t>
    </rPh>
    <rPh sb="8" eb="11">
      <t>ショザイチ</t>
    </rPh>
    <rPh sb="12" eb="14">
      <t>キニュウ</t>
    </rPh>
    <rPh sb="21" eb="23">
      <t>ゼンカク</t>
    </rPh>
    <rPh sb="23" eb="26">
      <t>エイスウジ</t>
    </rPh>
    <phoneticPr fontId="21"/>
  </si>
  <si>
    <t>代表者の職名と氏名を記入してください（全角）</t>
    <phoneticPr fontId="21"/>
  </si>
  <si>
    <t>Ａ</t>
    <phoneticPr fontId="21"/>
  </si>
  <si>
    <t>Ａ</t>
    <phoneticPr fontId="21"/>
  </si>
  <si>
    <t>○</t>
    <phoneticPr fontId="21"/>
  </si>
  <si>
    <t>出荷実績</t>
    <rPh sb="0" eb="2">
      <t>シュッカ</t>
    </rPh>
    <rPh sb="2" eb="4">
      <t>ジッセキ</t>
    </rPh>
    <phoneticPr fontId="21"/>
  </si>
  <si>
    <t>Ｂ</t>
    <phoneticPr fontId="21"/>
  </si>
  <si>
    <t>Ｃ</t>
    <phoneticPr fontId="21"/>
  </si>
  <si>
    <t>設置実績</t>
    <rPh sb="0" eb="2">
      <t>セッチ</t>
    </rPh>
    <rPh sb="2" eb="4">
      <t>ジッセキ</t>
    </rPh>
    <phoneticPr fontId="21"/>
  </si>
  <si>
    <t>Ｄ</t>
    <phoneticPr fontId="21"/>
  </si>
  <si>
    <t>３　添付書類</t>
    <rPh sb="2" eb="4">
      <t>テンプ</t>
    </rPh>
    <rPh sb="4" eb="6">
      <t>ショルイ</t>
    </rPh>
    <phoneticPr fontId="21"/>
  </si>
  <si>
    <t>・</t>
    <phoneticPr fontId="21"/>
  </si>
  <si>
    <t>代表事業者で具体の事務を取り扱う担当者の所属及び担当者名、連絡先を記入してください。</t>
    <rPh sb="24" eb="27">
      <t>タントウシャ</t>
    </rPh>
    <rPh sb="27" eb="28">
      <t>メイ</t>
    </rPh>
    <phoneticPr fontId="30"/>
  </si>
  <si>
    <t>　かながわソーラーバンクシステムにおいて登録された次のプランについて、登録抹消を申請します。</t>
    <rPh sb="20" eb="22">
      <t>トウロク</t>
    </rPh>
    <rPh sb="25" eb="26">
      <t>ツギ</t>
    </rPh>
    <rPh sb="35" eb="37">
      <t>トウロク</t>
    </rPh>
    <rPh sb="37" eb="39">
      <t>マッショウ</t>
    </rPh>
    <rPh sb="40" eb="42">
      <t>シンセイ</t>
    </rPh>
    <phoneticPr fontId="30"/>
  </si>
  <si>
    <t>１　抹消申請対象</t>
    <rPh sb="2" eb="4">
      <t>マッショウ</t>
    </rPh>
    <rPh sb="4" eb="6">
      <t>シンセイ</t>
    </rPh>
    <rPh sb="6" eb="8">
      <t>タイショウ</t>
    </rPh>
    <phoneticPr fontId="21"/>
  </si>
  <si>
    <t>抹消理由</t>
    <rPh sb="0" eb="2">
      <t>マッショウ</t>
    </rPh>
    <rPh sb="2" eb="4">
      <t>リユウ</t>
    </rPh>
    <phoneticPr fontId="21"/>
  </si>
  <si>
    <t>○</t>
    <phoneticPr fontId="21"/>
  </si>
  <si>
    <t>Ｃ</t>
    <phoneticPr fontId="21"/>
  </si>
  <si>
    <t>Ｄ</t>
    <phoneticPr fontId="21"/>
  </si>
  <si>
    <t>かながわソーラーバンクシステム登録抹消申請書</t>
    <rPh sb="15" eb="17">
      <t>トウロク</t>
    </rPh>
    <rPh sb="17" eb="19">
      <t>マッショウ</t>
    </rPh>
    <rPh sb="19" eb="21">
      <t>シンセイ</t>
    </rPh>
    <rPh sb="21" eb="22">
      <t>ショ</t>
    </rPh>
    <phoneticPr fontId="21"/>
  </si>
  <si>
    <t xml:space="preserve">  かながわソーラーバンクシステム登録申請に係る誓約書</t>
    <rPh sb="17" eb="19">
      <t>トウロク</t>
    </rPh>
    <rPh sb="19" eb="21">
      <t>シンセイ</t>
    </rPh>
    <rPh sb="22" eb="23">
      <t>カカ</t>
    </rPh>
    <rPh sb="24" eb="27">
      <t>セイヤクショ</t>
    </rPh>
    <phoneticPr fontId="21"/>
  </si>
  <si>
    <t>変更内容が確認できる書類</t>
    <rPh sb="0" eb="2">
      <t>ヘンコウ</t>
    </rPh>
    <rPh sb="2" eb="4">
      <t>ナイヨウ</t>
    </rPh>
    <rPh sb="5" eb="7">
      <t>カクニン</t>
    </rPh>
    <rPh sb="10" eb="12">
      <t>ショルイ</t>
    </rPh>
    <phoneticPr fontId="21"/>
  </si>
  <si>
    <t>内訳</t>
    <rPh sb="0" eb="2">
      <t>ウチワケ</t>
    </rPh>
    <phoneticPr fontId="30"/>
  </si>
  <si>
    <t>変更箇所</t>
    <rPh sb="0" eb="2">
      <t>ヘンコウ</t>
    </rPh>
    <rPh sb="2" eb="4">
      <t>カショ</t>
    </rPh>
    <phoneticPr fontId="21"/>
  </si>
  <si>
    <t>変更理由</t>
    <rPh sb="0" eb="2">
      <t>ヘンコウ</t>
    </rPh>
    <rPh sb="2" eb="4">
      <t>リユウ</t>
    </rPh>
    <phoneticPr fontId="30"/>
  </si>
  <si>
    <t>　かながわソーラーバンクの登録プランについて、次のとおり変更したいので、関係書類を添えて申請します。</t>
    <rPh sb="23" eb="24">
      <t>ツギ</t>
    </rPh>
    <rPh sb="28" eb="30">
      <t>ヘンコウ</t>
    </rPh>
    <rPh sb="36" eb="38">
      <t>カンケイ</t>
    </rPh>
    <rPh sb="38" eb="40">
      <t>ショルイ</t>
    </rPh>
    <rPh sb="41" eb="42">
      <t>ソ</t>
    </rPh>
    <phoneticPr fontId="30"/>
  </si>
  <si>
    <t>かながわソーラーバンクシステム変更承認申請書</t>
    <rPh sb="15" eb="17">
      <t>ヘンコウ</t>
    </rPh>
    <rPh sb="17" eb="19">
      <t>ショウニン</t>
    </rPh>
    <rPh sb="19" eb="22">
      <t>シンセイショ</t>
    </rPh>
    <phoneticPr fontId="21"/>
  </si>
  <si>
    <t>役 員 等 氏 名 一 覧 表</t>
    <phoneticPr fontId="8"/>
  </si>
  <si>
    <t>役職名</t>
  </si>
  <si>
    <t>氏  名</t>
  </si>
  <si>
    <t>氏名のカナ</t>
  </si>
  <si>
    <t>生年月日</t>
  </si>
  <si>
    <t>性別</t>
  </si>
  <si>
    <t>住  所</t>
  </si>
  <si>
    <t>(男･女)</t>
  </si>
  <si>
    <t>　記載された全ての者は、役員に暴力団員がいないことを確認するため、本様式に記載された情報を神奈川県警察本部に照会することについて、同意しております。</t>
    <phoneticPr fontId="21"/>
  </si>
  <si>
    <t>名称</t>
    <rPh sb="0" eb="2">
      <t>メイショウ</t>
    </rPh>
    <phoneticPr fontId="21"/>
  </si>
  <si>
    <t>代表者職・氏名</t>
    <rPh sb="0" eb="3">
      <t>ダイヒョウシャ</t>
    </rPh>
    <rPh sb="3" eb="4">
      <t>ショク</t>
    </rPh>
    <rPh sb="5" eb="7">
      <t>シメイ</t>
    </rPh>
    <phoneticPr fontId="21"/>
  </si>
  <si>
    <t>(大正T,昭和S,平成H,令和R)</t>
    <rPh sb="13" eb="15">
      <t>レイワ</t>
    </rPh>
    <phoneticPr fontId="8"/>
  </si>
  <si>
    <t>　令和    年   月   日現在の役員</t>
    <rPh sb="1" eb="3">
      <t>レイワ</t>
    </rPh>
    <phoneticPr fontId="21"/>
  </si>
  <si>
    <t>発電出力１kWあたり</t>
    <rPh sb="0" eb="2">
      <t>ハツデン</t>
    </rPh>
    <rPh sb="2" eb="4">
      <t>シュツリョク</t>
    </rPh>
    <phoneticPr fontId="8"/>
  </si>
  <si>
    <t>事業プランの名称</t>
    <rPh sb="0" eb="2">
      <t>ジギョウ</t>
    </rPh>
    <rPh sb="6" eb="8">
      <t>メイショウ</t>
    </rPh>
    <phoneticPr fontId="21"/>
  </si>
  <si>
    <t>　（１）電力販売</t>
    <rPh sb="4" eb="6">
      <t>デンリョク</t>
    </rPh>
    <rPh sb="6" eb="8">
      <t>ハンバイ</t>
    </rPh>
    <phoneticPr fontId="8"/>
  </si>
  <si>
    <t>販売電力単価</t>
    <rPh sb="0" eb="2">
      <t>ハンバイ</t>
    </rPh>
    <rPh sb="2" eb="4">
      <t>デンリョク</t>
    </rPh>
    <rPh sb="4" eb="6">
      <t>タンカ</t>
    </rPh>
    <phoneticPr fontId="8"/>
  </si>
  <si>
    <t>　４　債務不履行により、所有する資産に対し、仮差押命令、差押命令、保全差押又は
　　競売開始決定がなされていないこと。</t>
    <rPh sb="3" eb="5">
      <t>サイム</t>
    </rPh>
    <rPh sb="5" eb="8">
      <t>フリコウ</t>
    </rPh>
    <rPh sb="12" eb="14">
      <t>ショユウ</t>
    </rPh>
    <rPh sb="16" eb="18">
      <t>シサン</t>
    </rPh>
    <rPh sb="19" eb="20">
      <t>タイ</t>
    </rPh>
    <rPh sb="22" eb="25">
      <t>カリサシオサエ</t>
    </rPh>
    <rPh sb="25" eb="27">
      <t>メイレイ</t>
    </rPh>
    <rPh sb="28" eb="30">
      <t>サシオサエ</t>
    </rPh>
    <rPh sb="30" eb="32">
      <t>メイレイ</t>
    </rPh>
    <rPh sb="33" eb="35">
      <t>ホゼン</t>
    </rPh>
    <rPh sb="35" eb="36">
      <t>サ</t>
    </rPh>
    <rPh sb="36" eb="37">
      <t>オウ</t>
    </rPh>
    <rPh sb="37" eb="38">
      <t>マタ</t>
    </rPh>
    <rPh sb="43" eb="44">
      <t>バイ</t>
    </rPh>
    <rPh sb="44" eb="46">
      <t>カイシ</t>
    </rPh>
    <rPh sb="46" eb="48">
      <t>ケッテイ</t>
    </rPh>
    <phoneticPr fontId="21"/>
  </si>
  <si>
    <t>スレート、ガルバリウム鋼板又は同等品</t>
    <rPh sb="13" eb="14">
      <t>マタ</t>
    </rPh>
    <rPh sb="15" eb="18">
      <t>ドウトウヒン</t>
    </rPh>
    <phoneticPr fontId="8"/>
  </si>
  <si>
    <t>導入前後の差額
(a)－(b)      (c)</t>
    <rPh sb="0" eb="2">
      <t>ドウニュウ</t>
    </rPh>
    <rPh sb="2" eb="4">
      <t>ゼンゴ</t>
    </rPh>
    <rPh sb="5" eb="7">
      <t>サガク</t>
    </rPh>
    <phoneticPr fontId="8"/>
  </si>
  <si>
    <r>
      <rPr>
        <sz val="10"/>
        <rFont val="ＭＳ 明朝"/>
        <family val="1"/>
        <charset val="128"/>
      </rPr>
      <t>導入前後の電気料金差額</t>
    </r>
    <r>
      <rPr>
        <sz val="11"/>
        <rFont val="ＭＳ 明朝"/>
        <family val="1"/>
        <charset val="128"/>
      </rPr>
      <t xml:space="preserve">
(b)－(c)     　 (d)</t>
    </r>
    <rPh sb="0" eb="2">
      <t>ドウニュウ</t>
    </rPh>
    <rPh sb="2" eb="4">
      <t>ゼンゴ</t>
    </rPh>
    <rPh sb="5" eb="7">
      <t>デンキ</t>
    </rPh>
    <rPh sb="7" eb="9">
      <t>リョウキン</t>
    </rPh>
    <rPh sb="9" eb="11">
      <t>サガク</t>
    </rPh>
    <phoneticPr fontId="8"/>
  </si>
  <si>
    <t>円/kWh</t>
    <rPh sb="0" eb="1">
      <t>エン</t>
    </rPh>
    <phoneticPr fontId="8"/>
  </si>
  <si>
    <t xml:space="preserve">※(c)＝(b)－自家消費相当額－余剰売電額 </t>
    <rPh sb="9" eb="11">
      <t>ジカ</t>
    </rPh>
    <rPh sb="11" eb="13">
      <t>ショウヒ</t>
    </rPh>
    <rPh sb="13" eb="15">
      <t>ソウトウ</t>
    </rPh>
    <rPh sb="15" eb="16">
      <t>ガク</t>
    </rPh>
    <rPh sb="17" eb="19">
      <t>ヨジョウ</t>
    </rPh>
    <rPh sb="19" eb="21">
      <t>バイデン</t>
    </rPh>
    <rPh sb="21" eb="22">
      <t>ガク</t>
    </rPh>
    <phoneticPr fontId="8"/>
  </si>
  <si>
    <t>取扱容量</t>
    <rPh sb="0" eb="2">
      <t>トリアツカイ</t>
    </rPh>
    <rPh sb="2" eb="4">
      <t>ヨウリョウ</t>
    </rPh>
    <phoneticPr fontId="8"/>
  </si>
  <si>
    <t>様式５</t>
    <rPh sb="0" eb="2">
      <t>ヨウシキ</t>
    </rPh>
    <phoneticPr fontId="8"/>
  </si>
  <si>
    <t xml:space="preserve">　10　暴力団員による不当な行為の防止等に関する法律（平成３年法律第77号）第２条第２号
　　に規定する暴力団に該当しないこと。また、代表者及び役員が同法第２条第６号に規定す
　　る暴力団員に該当しないこと。 </t>
    <rPh sb="4" eb="6">
      <t>ボウリョク</t>
    </rPh>
    <rPh sb="6" eb="8">
      <t>ダンイン</t>
    </rPh>
    <rPh sb="11" eb="13">
      <t>フトウ</t>
    </rPh>
    <rPh sb="14" eb="16">
      <t>コウイ</t>
    </rPh>
    <rPh sb="17" eb="19">
      <t>ボウシ</t>
    </rPh>
    <rPh sb="19" eb="20">
      <t>トウ</t>
    </rPh>
    <rPh sb="21" eb="22">
      <t>カン</t>
    </rPh>
    <rPh sb="24" eb="26">
      <t>ホウリツ</t>
    </rPh>
    <rPh sb="27" eb="29">
      <t>ヘイセイ</t>
    </rPh>
    <rPh sb="30" eb="31">
      <t>ネン</t>
    </rPh>
    <rPh sb="31" eb="33">
      <t>ホウリツ</t>
    </rPh>
    <rPh sb="33" eb="34">
      <t>ダイ</t>
    </rPh>
    <rPh sb="36" eb="37">
      <t>ゴウ</t>
    </rPh>
    <rPh sb="38" eb="39">
      <t>ダイ</t>
    </rPh>
    <rPh sb="40" eb="41">
      <t>ジョウ</t>
    </rPh>
    <rPh sb="41" eb="42">
      <t>ダイ</t>
    </rPh>
    <rPh sb="43" eb="44">
      <t>ゴウ</t>
    </rPh>
    <rPh sb="48" eb="50">
      <t>キテイ</t>
    </rPh>
    <rPh sb="52" eb="55">
      <t>ボウリョクダン</t>
    </rPh>
    <rPh sb="56" eb="58">
      <t>ガイトウ</t>
    </rPh>
    <rPh sb="67" eb="70">
      <t>ダイヒョウシャ</t>
    </rPh>
    <rPh sb="70" eb="71">
      <t>オヨ</t>
    </rPh>
    <rPh sb="72" eb="74">
      <t>ヤクイン</t>
    </rPh>
    <rPh sb="75" eb="77">
      <t>ドウホウ</t>
    </rPh>
    <rPh sb="77" eb="78">
      <t>ダイ</t>
    </rPh>
    <rPh sb="79" eb="80">
      <t>ジョウ</t>
    </rPh>
    <rPh sb="80" eb="81">
      <t>ダイ</t>
    </rPh>
    <rPh sb="82" eb="83">
      <t>ゴウ</t>
    </rPh>
    <rPh sb="84" eb="86">
      <t>キテイ</t>
    </rPh>
    <rPh sb="91" eb="93">
      <t>ボウリョク</t>
    </rPh>
    <rPh sb="93" eb="95">
      <t>ダンイン</t>
    </rPh>
    <rPh sb="96" eb="98">
      <t>ガイトウ</t>
    </rPh>
    <phoneticPr fontId="21"/>
  </si>
  <si>
    <t xml:space="preserve">　３　次の申立てがなされていないこと。
</t>
    <phoneticPr fontId="21"/>
  </si>
  <si>
    <t>　　ア　破産法（平成16年法律第75号）第18条又は第19条の規定による破産手続開始の申立て</t>
    <rPh sb="8" eb="10">
      <t>ヘイセイ</t>
    </rPh>
    <rPh sb="12" eb="13">
      <t>ネン</t>
    </rPh>
    <rPh sb="13" eb="15">
      <t>ホウリツ</t>
    </rPh>
    <rPh sb="15" eb="16">
      <t>ダイ</t>
    </rPh>
    <rPh sb="18" eb="19">
      <t>ゴウ</t>
    </rPh>
    <phoneticPr fontId="21"/>
  </si>
  <si>
    <t>　　イ　会社更生法（平成14年法律第154号）第17条の規定による更生手続開始の申立て</t>
    <rPh sb="4" eb="6">
      <t>カイシャ</t>
    </rPh>
    <rPh sb="6" eb="9">
      <t>コウセイホウ</t>
    </rPh>
    <rPh sb="10" eb="12">
      <t>ヘイセイ</t>
    </rPh>
    <rPh sb="14" eb="15">
      <t>ネン</t>
    </rPh>
    <rPh sb="15" eb="17">
      <t>ホウリツ</t>
    </rPh>
    <rPh sb="17" eb="18">
      <t>ダイ</t>
    </rPh>
    <rPh sb="21" eb="22">
      <t>ゴウ</t>
    </rPh>
    <rPh sb="23" eb="24">
      <t>ダイ</t>
    </rPh>
    <rPh sb="26" eb="27">
      <t>ジョウ</t>
    </rPh>
    <rPh sb="28" eb="30">
      <t>キテイ</t>
    </rPh>
    <rPh sb="33" eb="35">
      <t>コウセイ</t>
    </rPh>
    <rPh sb="35" eb="37">
      <t>テツヅキ</t>
    </rPh>
    <rPh sb="37" eb="39">
      <t>カイシ</t>
    </rPh>
    <rPh sb="40" eb="42">
      <t>モウシタテ</t>
    </rPh>
    <phoneticPr fontId="21"/>
  </si>
  <si>
    <t>　　ウ　民事再生法（平成11年法律第225号）第21条の規定による再生手続開始の申立て</t>
    <rPh sb="4" eb="6">
      <t>ミンジ</t>
    </rPh>
    <rPh sb="6" eb="9">
      <t>サイセイホウ</t>
    </rPh>
    <rPh sb="10" eb="12">
      <t>ヘイセイ</t>
    </rPh>
    <rPh sb="14" eb="15">
      <t>ネン</t>
    </rPh>
    <rPh sb="15" eb="17">
      <t>ホウリツ</t>
    </rPh>
    <rPh sb="17" eb="18">
      <t>ダイ</t>
    </rPh>
    <rPh sb="21" eb="22">
      <t>ゴウ</t>
    </rPh>
    <rPh sb="23" eb="24">
      <t>ダイ</t>
    </rPh>
    <rPh sb="26" eb="27">
      <t>ジョウ</t>
    </rPh>
    <rPh sb="28" eb="30">
      <t>キテイ</t>
    </rPh>
    <rPh sb="33" eb="35">
      <t>サイセイ</t>
    </rPh>
    <rPh sb="35" eb="37">
      <t>テツヅ</t>
    </rPh>
    <rPh sb="37" eb="39">
      <t>カイシ</t>
    </rPh>
    <rPh sb="40" eb="42">
      <t>モウシタ</t>
    </rPh>
    <phoneticPr fontId="21"/>
  </si>
  <si>
    <t>　８　地方自治法施行令（昭和22年政令第16号）第167条の４の規定に該当する者でないこと。</t>
    <rPh sb="3" eb="5">
      <t>チホウ</t>
    </rPh>
    <rPh sb="5" eb="7">
      <t>ジチ</t>
    </rPh>
    <rPh sb="7" eb="8">
      <t>ホウ</t>
    </rPh>
    <rPh sb="8" eb="10">
      <t>セコウ</t>
    </rPh>
    <rPh sb="10" eb="11">
      <t>レイ</t>
    </rPh>
    <rPh sb="24" eb="25">
      <t>ダイ</t>
    </rPh>
    <rPh sb="28" eb="29">
      <t>ジョウ</t>
    </rPh>
    <rPh sb="32" eb="34">
      <t>キテイ</t>
    </rPh>
    <rPh sb="35" eb="37">
      <t>ガイトウ</t>
    </rPh>
    <rPh sb="39" eb="40">
      <t>モノ</t>
    </rPh>
    <phoneticPr fontId="21"/>
  </si>
  <si>
    <t>　11　上記各事項について、個々の事業者にも順守させること。</t>
    <rPh sb="4" eb="6">
      <t>ジョウキ</t>
    </rPh>
    <rPh sb="6" eb="7">
      <t>カク</t>
    </rPh>
    <rPh sb="7" eb="9">
      <t>ジコウ</t>
    </rPh>
    <rPh sb="14" eb="16">
      <t>ココ</t>
    </rPh>
    <rPh sb="17" eb="20">
      <t>ジギョウシャ</t>
    </rPh>
    <rPh sb="22" eb="24">
      <t>ジュンシュ</t>
    </rPh>
    <phoneticPr fontId="21"/>
  </si>
  <si>
    <t>設置プランの内容（住宅用０円ソーラー）</t>
    <rPh sb="0" eb="2">
      <t>セッチ</t>
    </rPh>
    <rPh sb="6" eb="8">
      <t>ナイヨウ</t>
    </rPh>
    <rPh sb="9" eb="12">
      <t>ジュウタクヨウ</t>
    </rPh>
    <rPh sb="13" eb="14">
      <t>エン</t>
    </rPh>
    <phoneticPr fontId="8"/>
  </si>
  <si>
    <t>蓄電システム等の導入に関する制限</t>
    <rPh sb="0" eb="2">
      <t>チクデン</t>
    </rPh>
    <rPh sb="6" eb="7">
      <t>トウ</t>
    </rPh>
    <rPh sb="8" eb="10">
      <t>ドウニュウ</t>
    </rPh>
    <rPh sb="11" eb="12">
      <t>カン</t>
    </rPh>
    <rPh sb="14" eb="16">
      <t>セイゲン</t>
    </rPh>
    <phoneticPr fontId="8"/>
  </si>
  <si>
    <t>様式７</t>
    <rPh sb="0" eb="2">
      <t>ヨウシキ</t>
    </rPh>
    <phoneticPr fontId="8"/>
  </si>
  <si>
    <t>太陽光発電導入前の月々の電気代　　　　　　(a)</t>
    <rPh sb="0" eb="3">
      <t>タイヨウコウ</t>
    </rPh>
    <rPh sb="3" eb="5">
      <t>ハツデン</t>
    </rPh>
    <rPh sb="5" eb="7">
      <t>ドウニュウ</t>
    </rPh>
    <rPh sb="7" eb="8">
      <t>マエ</t>
    </rPh>
    <rPh sb="9" eb="11">
      <t>ツキヅキ</t>
    </rPh>
    <rPh sb="12" eb="15">
      <t>デンキダイ</t>
    </rPh>
    <phoneticPr fontId="8"/>
  </si>
  <si>
    <t>太陽光発電導入後の月々の電気代　　　　　　(b)</t>
    <rPh sb="0" eb="3">
      <t>タイヨウコウ</t>
    </rPh>
    <rPh sb="3" eb="5">
      <t>ハツデン</t>
    </rPh>
    <rPh sb="5" eb="7">
      <t>ドウニュウ</t>
    </rPh>
    <rPh sb="7" eb="8">
      <t>ゴ</t>
    </rPh>
    <rPh sb="9" eb="11">
      <t>ツキヅキ</t>
    </rPh>
    <rPh sb="12" eb="15">
      <t>デンキダイ</t>
    </rPh>
    <phoneticPr fontId="8"/>
  </si>
  <si>
    <t>太陽光発電導入前の月々の電気料金　　　　　　(b)</t>
    <rPh sb="0" eb="3">
      <t>タイヨウコウ</t>
    </rPh>
    <rPh sb="3" eb="5">
      <t>ハツデン</t>
    </rPh>
    <rPh sb="5" eb="7">
      <t>ドウニュウ</t>
    </rPh>
    <rPh sb="7" eb="8">
      <t>マエ</t>
    </rPh>
    <rPh sb="9" eb="11">
      <t>ツキヅキ</t>
    </rPh>
    <rPh sb="12" eb="14">
      <t>デンキ</t>
    </rPh>
    <rPh sb="14" eb="16">
      <t>リョウキン</t>
    </rPh>
    <phoneticPr fontId="8"/>
  </si>
  <si>
    <t>太陽光発電導入後の月々の電気料金　　　　　　(c)</t>
    <rPh sb="0" eb="3">
      <t>タイヨウコウ</t>
    </rPh>
    <rPh sb="3" eb="5">
      <t>ハツデン</t>
    </rPh>
    <rPh sb="5" eb="7">
      <t>ドウニュウ</t>
    </rPh>
    <rPh sb="7" eb="8">
      <t>ゴ</t>
    </rPh>
    <rPh sb="9" eb="11">
      <t>ツキヅキ</t>
    </rPh>
    <rPh sb="12" eb="14">
      <t>デンキ</t>
    </rPh>
    <rPh sb="14" eb="16">
      <t>リョウキン</t>
    </rPh>
    <phoneticPr fontId="8"/>
  </si>
  <si>
    <t>太陽光モジュールのメーカー</t>
    <rPh sb="0" eb="3">
      <t>タイヨウコウ</t>
    </rPh>
    <phoneticPr fontId="8"/>
  </si>
  <si>
    <t>10kW未満</t>
    <rPh sb="4" eb="6">
      <t>ミマン</t>
    </rPh>
    <phoneticPr fontId="8"/>
  </si>
  <si>
    <r>
      <rPr>
        <sz val="10"/>
        <rFont val="ＭＳ 明朝"/>
        <family val="1"/>
        <charset val="128"/>
      </rPr>
      <t xml:space="preserve">月々のリース（サービス）料金  </t>
    </r>
    <r>
      <rPr>
        <sz val="11"/>
        <rFont val="ＭＳ 明朝"/>
        <family val="1"/>
        <charset val="128"/>
      </rPr>
      <t>(a)</t>
    </r>
    <rPh sb="0" eb="2">
      <t>ツキヅキ</t>
    </rPh>
    <rPh sb="12" eb="14">
      <t>リョウキン</t>
    </rPh>
    <phoneticPr fontId="8"/>
  </si>
  <si>
    <t>　（２）リース・自己所有</t>
    <rPh sb="8" eb="10">
      <t>ジコ</t>
    </rPh>
    <rPh sb="10" eb="12">
      <t>ショユウ</t>
    </rPh>
    <phoneticPr fontId="8"/>
  </si>
  <si>
    <t>太陽光発電導入のメリット額
(d)－(a)    　  (e)</t>
    <rPh sb="0" eb="3">
      <t>タイヨウコウ</t>
    </rPh>
    <rPh sb="3" eb="5">
      <t>ハツデン</t>
    </rPh>
    <rPh sb="5" eb="7">
      <t>ドウニュウ</t>
    </rPh>
    <rPh sb="12" eb="13">
      <t>ガク</t>
    </rPh>
    <phoneticPr fontId="8"/>
  </si>
  <si>
    <t>（選択してください）</t>
  </si>
  <si>
    <t>○</t>
    <phoneticPr fontId="8"/>
  </si>
  <si>
    <t>（年月日）</t>
    <rPh sb="1" eb="4">
      <t>ネンガッピ</t>
    </rPh>
    <phoneticPr fontId="8"/>
  </si>
  <si>
    <t>事業プランの種類</t>
    <rPh sb="0" eb="2">
      <t>ジギョウ</t>
    </rPh>
    <rPh sb="6" eb="8">
      <t>シュルイ</t>
    </rPh>
    <phoneticPr fontId="8"/>
  </si>
  <si>
    <t>円/kWh</t>
    <rPh sb="0" eb="1">
      <t>エン</t>
    </rPh>
    <phoneticPr fontId="8"/>
  </si>
  <si>
    <t>補助金適用前</t>
    <rPh sb="0" eb="3">
      <t>ホジョキン</t>
    </rPh>
    <rPh sb="3" eb="5">
      <t>テキヨウ</t>
    </rPh>
    <rPh sb="5" eb="6">
      <t>マエ</t>
    </rPh>
    <phoneticPr fontId="8"/>
  </si>
  <si>
    <t>補助金適用前</t>
    <rPh sb="0" eb="3">
      <t>ホジョキン</t>
    </rPh>
    <rPh sb="3" eb="5">
      <t>テキヨウ</t>
    </rPh>
    <rPh sb="5" eb="6">
      <t>マエ</t>
    </rPh>
    <phoneticPr fontId="8"/>
  </si>
  <si>
    <t>契約期間・取扱容量・売電について</t>
    <rPh sb="0" eb="2">
      <t>ケイヤク</t>
    </rPh>
    <rPh sb="2" eb="4">
      <t>キカン</t>
    </rPh>
    <rPh sb="5" eb="7">
      <t>トリアツカイ</t>
    </rPh>
    <rPh sb="7" eb="9">
      <t>ヨウリョウ</t>
    </rPh>
    <rPh sb="10" eb="12">
      <t>バイデン</t>
    </rPh>
    <phoneticPr fontId="8"/>
  </si>
  <si>
    <t>事業者名</t>
    <rPh sb="0" eb="3">
      <t>ジギョウシャ</t>
    </rPh>
    <rPh sb="3" eb="4">
      <t>メイ</t>
    </rPh>
    <phoneticPr fontId="8"/>
  </si>
  <si>
    <t>プラン名</t>
    <rPh sb="3" eb="4">
      <t>メイ</t>
    </rPh>
    <phoneticPr fontId="8"/>
  </si>
  <si>
    <t>（10年の場合）</t>
    <rPh sb="3" eb="4">
      <t>ネン</t>
    </rPh>
    <rPh sb="5" eb="7">
      <t>バアイ</t>
    </rPh>
    <phoneticPr fontId="8"/>
  </si>
  <si>
    <t>（15年の場合）</t>
    <rPh sb="3" eb="4">
      <t>ネン</t>
    </rPh>
    <rPh sb="5" eb="7">
      <t>バアイ</t>
    </rPh>
    <phoneticPr fontId="8"/>
  </si>
  <si>
    <t>4,500kWh</t>
    <phoneticPr fontId="8"/>
  </si>
  <si>
    <t>の部分に入力してください。</t>
    <rPh sb="1" eb="3">
      <t>ブブン</t>
    </rPh>
    <rPh sb="4" eb="6">
      <t>ニュウリョク</t>
    </rPh>
    <phoneticPr fontId="8"/>
  </si>
  <si>
    <t>※補助金適用後の金額は神奈川県の補助金（1kWあたり７万円）が支給された場合の額です。
　実施状況や時期により、補助金適用後の金額で契約することができない場合がありますの
　で、本プランを提供する事業者にご相談ください。</t>
    <rPh sb="1" eb="4">
      <t>ホジョキン</t>
    </rPh>
    <rPh sb="4" eb="6">
      <t>テキヨウ</t>
    </rPh>
    <rPh sb="6" eb="7">
      <t>ゴ</t>
    </rPh>
    <rPh sb="8" eb="10">
      <t>キンガク</t>
    </rPh>
    <rPh sb="11" eb="15">
      <t>カナガワケン</t>
    </rPh>
    <rPh sb="16" eb="19">
      <t>ホジョキン</t>
    </rPh>
    <rPh sb="27" eb="29">
      <t>マンエン</t>
    </rPh>
    <rPh sb="31" eb="33">
      <t>シキュウ</t>
    </rPh>
    <rPh sb="36" eb="38">
      <t>バアイ</t>
    </rPh>
    <rPh sb="39" eb="40">
      <t>ガク</t>
    </rPh>
    <rPh sb="45" eb="47">
      <t>ジッシ</t>
    </rPh>
    <rPh sb="47" eb="49">
      <t>ジョウキョウ</t>
    </rPh>
    <rPh sb="50" eb="52">
      <t>ジキ</t>
    </rPh>
    <rPh sb="56" eb="59">
      <t>ホジョキン</t>
    </rPh>
    <rPh sb="59" eb="61">
      <t>テキヨウ</t>
    </rPh>
    <rPh sb="61" eb="62">
      <t>ゴ</t>
    </rPh>
    <rPh sb="63" eb="65">
      <t>キンガク</t>
    </rPh>
    <rPh sb="66" eb="68">
      <t>ケイヤク</t>
    </rPh>
    <rPh sb="77" eb="79">
      <t>バアイ</t>
    </rPh>
    <rPh sb="89" eb="90">
      <t>ホン</t>
    </rPh>
    <rPh sb="94" eb="96">
      <t>テイキョウ</t>
    </rPh>
    <rPh sb="98" eb="101">
      <t>ジギョウシャ</t>
    </rPh>
    <rPh sb="103" eb="105">
      <t>ソウダン</t>
    </rPh>
    <phoneticPr fontId="8"/>
  </si>
  <si>
    <t>補助金適用後※</t>
    <rPh sb="0" eb="3">
      <t>ホジョキン</t>
    </rPh>
    <rPh sb="3" eb="5">
      <t>テキヨウ</t>
    </rPh>
    <rPh sb="5" eb="6">
      <t>ゴ</t>
    </rPh>
    <phoneticPr fontId="8"/>
  </si>
  <si>
    <t>（年月日）</t>
    <rPh sb="1" eb="2">
      <t>ネン</t>
    </rPh>
    <rPh sb="2" eb="4">
      <t>ガッピ</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yyyy&quot;年&quot;m&quot;月&quot;d&quot;日&quot;;@"/>
    <numFmt numFmtId="177" formatCode="[$-411]ggge&quot;年&quot;m&quot;月&quot;d&quot;日&quot;;@"/>
    <numFmt numFmtId="178" formatCode="&quot;(&quot;#&quot;プラン)&quot;"/>
    <numFmt numFmtId="179" formatCode="#,##0_ "/>
    <numFmt numFmtId="180" formatCode="#,##0_);[Red]\(#,##0\)"/>
    <numFmt numFmtId="181" formatCode="[$-800411]ge\.m\.d;@"/>
  </numFmts>
  <fonts count="39">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color theme="1"/>
      <name val="ＭＳ Ｐゴシック"/>
      <family val="2"/>
      <charset val="128"/>
      <scheme val="minor"/>
    </font>
    <font>
      <sz val="6"/>
      <name val="ＭＳ Ｐゴシック"/>
      <family val="3"/>
      <charset val="128"/>
    </font>
    <font>
      <sz val="10"/>
      <name val="ＭＳ 明朝"/>
      <family val="1"/>
      <charset val="128"/>
    </font>
    <font>
      <sz val="11"/>
      <name val="ＭＳ 明朝"/>
      <family val="1"/>
      <charset val="128"/>
    </font>
    <font>
      <b/>
      <sz val="11"/>
      <name val="ＭＳ ゴシック"/>
      <family val="3"/>
      <charset val="128"/>
    </font>
    <font>
      <sz val="9"/>
      <name val="ＭＳ 明朝"/>
      <family val="1"/>
      <charset val="128"/>
    </font>
    <font>
      <sz val="11"/>
      <name val="ＭＳ Ｐゴシック"/>
      <family val="3"/>
      <charset val="128"/>
    </font>
    <font>
      <sz val="11"/>
      <color theme="1"/>
      <name val="ＭＳ Ｐゴシック"/>
      <family val="3"/>
      <charset val="128"/>
      <scheme val="minor"/>
    </font>
    <font>
      <sz val="12"/>
      <name val="Arial Unicode MS"/>
      <family val="3"/>
      <charset val="128"/>
    </font>
    <font>
      <sz val="16"/>
      <color theme="1"/>
      <name val="ＭＳ ゴシック"/>
      <family val="3"/>
      <charset val="128"/>
    </font>
    <font>
      <sz val="11"/>
      <name val="ＭＳ Ｐ明朝"/>
      <family val="1"/>
      <charset val="128"/>
    </font>
    <font>
      <sz val="6"/>
      <name val="ＭＳ Ｐゴシック"/>
      <family val="2"/>
      <charset val="128"/>
      <scheme val="minor"/>
    </font>
    <font>
      <sz val="12"/>
      <name val="ＭＳ 明朝"/>
      <family val="1"/>
      <charset val="128"/>
    </font>
    <font>
      <sz val="14"/>
      <name val="ＭＳ 明朝"/>
      <family val="1"/>
      <charset val="128"/>
    </font>
    <font>
      <sz val="6"/>
      <name val="ＭＳ 明朝"/>
      <family val="1"/>
      <charset val="128"/>
    </font>
    <font>
      <sz val="18"/>
      <name val="ＭＳ 明朝"/>
      <family val="1"/>
      <charset val="128"/>
    </font>
    <font>
      <b/>
      <u/>
      <sz val="11"/>
      <name val="ＭＳ Ｐ明朝"/>
      <family val="1"/>
      <charset val="128"/>
    </font>
    <font>
      <sz val="10.5"/>
      <name val="ＭＳ Ｐ明朝"/>
      <family val="1"/>
      <charset val="128"/>
    </font>
    <font>
      <sz val="12"/>
      <name val="ＭＳ Ｐ明朝"/>
      <family val="1"/>
      <charset val="128"/>
    </font>
    <font>
      <sz val="11"/>
      <name val="ＭＳ Ｐゴシック"/>
      <family val="3"/>
      <charset val="128"/>
      <scheme val="minor"/>
    </font>
    <font>
      <sz val="10"/>
      <name val="ＭＳ Ｐ明朝"/>
      <family val="1"/>
      <charset val="128"/>
    </font>
    <font>
      <b/>
      <sz val="11"/>
      <name val="ＭＳ Ｐ明朝"/>
      <family val="1"/>
      <charset val="128"/>
    </font>
    <font>
      <sz val="8"/>
      <name val="ＭＳ 明朝"/>
      <family val="1"/>
      <charset val="128"/>
    </font>
    <font>
      <sz val="6"/>
      <name val="ＭＳ 明朝"/>
      <family val="2"/>
      <charset val="128"/>
    </font>
    <font>
      <b/>
      <sz val="12"/>
      <color indexed="9"/>
      <name val="ＭＳ ゴシック"/>
      <family val="3"/>
      <charset val="128"/>
    </font>
    <font>
      <b/>
      <sz val="12"/>
      <color indexed="10"/>
      <name val="ＭＳ 明朝"/>
      <family val="1"/>
      <charset val="128"/>
    </font>
    <font>
      <sz val="12"/>
      <color indexed="9"/>
      <name val="ＭＳ 明朝"/>
      <family val="1"/>
      <charset val="128"/>
    </font>
    <font>
      <sz val="16"/>
      <name val="ＭＳ 明朝"/>
      <family val="1"/>
      <charset val="128"/>
    </font>
    <font>
      <u/>
      <sz val="11"/>
      <color theme="10"/>
      <name val="ＭＳ Ｐゴシック"/>
      <family val="3"/>
      <charset val="128"/>
    </font>
    <font>
      <sz val="14"/>
      <color theme="1"/>
      <name val="ＭＳ ゴシック"/>
      <family val="3"/>
      <charset val="128"/>
    </font>
    <font>
      <sz val="11"/>
      <color theme="1"/>
      <name val="ＭＳ 明朝"/>
      <family val="1"/>
      <charset val="128"/>
    </font>
    <font>
      <sz val="11"/>
      <color rgb="FFFF0000"/>
      <name val="ＭＳ 明朝"/>
      <family val="1"/>
      <charset val="128"/>
    </font>
  </fonts>
  <fills count="6">
    <fill>
      <patternFill patternType="none"/>
    </fill>
    <fill>
      <patternFill patternType="gray125"/>
    </fill>
    <fill>
      <patternFill patternType="solid">
        <fgColor rgb="FFCCFFFF"/>
        <bgColor indexed="64"/>
      </patternFill>
    </fill>
    <fill>
      <patternFill patternType="solid">
        <fgColor rgb="FFFFFF66"/>
        <bgColor indexed="64"/>
      </patternFill>
    </fill>
    <fill>
      <patternFill patternType="solid">
        <fgColor theme="0"/>
        <bgColor indexed="64"/>
      </patternFill>
    </fill>
    <fill>
      <patternFill patternType="solid">
        <fgColor rgb="FFFFE299"/>
        <bgColor indexed="64"/>
      </patternFill>
    </fill>
  </fills>
  <borders count="32">
    <border>
      <left/>
      <right/>
      <top/>
      <bottom/>
      <diagonal/>
    </border>
    <border>
      <left/>
      <right/>
      <top style="thin">
        <color indexed="64"/>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medium">
        <color indexed="29"/>
      </left>
      <right/>
      <top style="medium">
        <color indexed="29"/>
      </top>
      <bottom/>
      <diagonal/>
    </border>
    <border>
      <left/>
      <right style="medium">
        <color indexed="29"/>
      </right>
      <top style="medium">
        <color indexed="29"/>
      </top>
      <bottom/>
      <diagonal/>
    </border>
    <border>
      <left style="medium">
        <color indexed="29"/>
      </left>
      <right/>
      <top/>
      <bottom/>
      <diagonal/>
    </border>
    <border>
      <left/>
      <right style="medium">
        <color indexed="29"/>
      </right>
      <top/>
      <bottom/>
      <diagonal/>
    </border>
    <border>
      <left/>
      <right/>
      <top style="medium">
        <color indexed="29"/>
      </top>
      <bottom/>
      <diagonal/>
    </border>
    <border>
      <left/>
      <right style="medium">
        <color rgb="FFFF8080"/>
      </right>
      <top/>
      <bottom/>
      <diagonal/>
    </border>
    <border>
      <left style="medium">
        <color indexed="29"/>
      </left>
      <right/>
      <top/>
      <bottom style="medium">
        <color indexed="29"/>
      </bottom>
      <diagonal/>
    </border>
    <border>
      <left/>
      <right/>
      <top/>
      <bottom style="medium">
        <color indexed="29"/>
      </bottom>
      <diagonal/>
    </border>
    <border>
      <left/>
      <right style="medium">
        <color rgb="FFFF8080"/>
      </right>
      <top/>
      <bottom style="medium">
        <color indexed="29"/>
      </bottom>
      <diagonal/>
    </border>
    <border>
      <left/>
      <right style="medium">
        <color indexed="29"/>
      </right>
      <top/>
      <bottom style="medium">
        <color indexed="29"/>
      </bottom>
      <diagonal/>
    </border>
    <border>
      <left/>
      <right style="thin">
        <color indexed="64"/>
      </right>
      <top/>
      <bottom style="thin">
        <color rgb="FF0070C0"/>
      </bottom>
      <diagonal/>
    </border>
    <border>
      <left/>
      <right/>
      <top/>
      <bottom style="thin">
        <color rgb="FF0070C0"/>
      </bottom>
      <diagonal/>
    </border>
  </borders>
  <cellStyleXfs count="13">
    <xf numFmtId="0" fontId="0" fillId="0" borderId="0">
      <alignment vertical="center"/>
    </xf>
    <xf numFmtId="0" fontId="14" fillId="0" borderId="0">
      <alignment vertical="center"/>
    </xf>
    <xf numFmtId="38" fontId="13" fillId="0" borderId="0" applyFont="0" applyFill="0" applyBorder="0" applyAlignment="0" applyProtection="0">
      <alignment vertical="center"/>
    </xf>
    <xf numFmtId="0" fontId="14" fillId="0" borderId="0">
      <alignment vertical="center"/>
    </xf>
    <xf numFmtId="0" fontId="15" fillId="0" borderId="0"/>
    <xf numFmtId="0" fontId="16" fillId="0" borderId="0">
      <alignment vertical="center"/>
    </xf>
    <xf numFmtId="0" fontId="7" fillId="0" borderId="0">
      <alignment vertical="center"/>
    </xf>
    <xf numFmtId="0" fontId="13" fillId="0" borderId="0">
      <alignment vertical="center"/>
    </xf>
    <xf numFmtId="0" fontId="19" fillId="0" borderId="0">
      <alignment vertical="center"/>
    </xf>
    <xf numFmtId="0" fontId="6" fillId="0" borderId="0">
      <alignment vertical="center"/>
    </xf>
    <xf numFmtId="0" fontId="19" fillId="0" borderId="0">
      <alignment vertical="center"/>
    </xf>
    <xf numFmtId="0" fontId="13" fillId="0" borderId="0"/>
    <xf numFmtId="0" fontId="35" fillId="0" borderId="0" applyNumberFormat="0" applyFill="0" applyBorder="0" applyAlignment="0" applyProtection="0">
      <alignment vertical="center"/>
    </xf>
  </cellStyleXfs>
  <cellXfs count="375">
    <xf numFmtId="0" fontId="0" fillId="0" borderId="0" xfId="0">
      <alignment vertical="center"/>
    </xf>
    <xf numFmtId="0" fontId="10" fillId="0" borderId="0" xfId="0" applyFont="1">
      <alignment vertical="center"/>
    </xf>
    <xf numFmtId="0" fontId="10" fillId="0" borderId="11" xfId="0" applyFont="1" applyBorder="1">
      <alignment vertical="center"/>
    </xf>
    <xf numFmtId="0" fontId="10" fillId="0" borderId="4" xfId="0" applyFont="1" applyBorder="1">
      <alignment vertical="center"/>
    </xf>
    <xf numFmtId="0" fontId="10" fillId="0" borderId="6" xfId="0" applyFont="1" applyBorder="1">
      <alignment vertical="center"/>
    </xf>
    <xf numFmtId="0" fontId="10" fillId="0" borderId="0" xfId="0" applyFont="1" applyBorder="1">
      <alignment vertical="center"/>
    </xf>
    <xf numFmtId="0" fontId="10" fillId="0" borderId="12" xfId="0" applyFont="1" applyBorder="1">
      <alignment vertical="center"/>
    </xf>
    <xf numFmtId="0" fontId="11" fillId="0" borderId="0" xfId="0" applyFont="1">
      <alignment vertical="center"/>
    </xf>
    <xf numFmtId="0" fontId="11" fillId="2" borderId="9" xfId="0" applyFont="1" applyFill="1" applyBorder="1">
      <alignment vertical="center"/>
    </xf>
    <xf numFmtId="0" fontId="11" fillId="2" borderId="8" xfId="0" applyFont="1" applyFill="1" applyBorder="1">
      <alignment vertical="center"/>
    </xf>
    <xf numFmtId="0" fontId="11" fillId="2" borderId="7" xfId="0" applyFont="1" applyFill="1" applyBorder="1">
      <alignment vertical="center"/>
    </xf>
    <xf numFmtId="0" fontId="11" fillId="2" borderId="3" xfId="0" applyFont="1" applyFill="1" applyBorder="1">
      <alignment vertical="center"/>
    </xf>
    <xf numFmtId="0" fontId="11" fillId="2" borderId="2" xfId="0" applyFont="1" applyFill="1" applyBorder="1">
      <alignment vertical="center"/>
    </xf>
    <xf numFmtId="0" fontId="12" fillId="0" borderId="16" xfId="0" applyFont="1" applyBorder="1" applyAlignment="1">
      <alignment horizontal="left" vertical="center" wrapText="1"/>
    </xf>
    <xf numFmtId="0" fontId="9" fillId="0" borderId="18" xfId="0" applyFont="1" applyBorder="1" applyAlignment="1">
      <alignment horizontal="left" vertical="center" wrapText="1"/>
    </xf>
    <xf numFmtId="0" fontId="17" fillId="0" borderId="0" xfId="1" applyFont="1" applyBorder="1">
      <alignment vertical="center"/>
    </xf>
    <xf numFmtId="0" fontId="10" fillId="0" borderId="0" xfId="0" applyFont="1" applyBorder="1" applyAlignment="1">
      <alignment horizontal="center" vertical="center"/>
    </xf>
    <xf numFmtId="0" fontId="10" fillId="0" borderId="3" xfId="0" applyFont="1" applyFill="1" applyBorder="1" applyAlignment="1" applyProtection="1">
      <alignment vertical="center"/>
      <protection locked="0"/>
    </xf>
    <xf numFmtId="0" fontId="10" fillId="0" borderId="3" xfId="0" applyFont="1" applyBorder="1" applyAlignment="1">
      <alignment vertical="center"/>
    </xf>
    <xf numFmtId="0" fontId="10" fillId="0" borderId="2" xfId="0" applyFont="1" applyBorder="1" applyAlignment="1">
      <alignment vertical="center"/>
    </xf>
    <xf numFmtId="0" fontId="10" fillId="0" borderId="0" xfId="0" applyFont="1" applyFill="1" applyBorder="1" applyAlignment="1" applyProtection="1">
      <alignment vertical="center"/>
      <protection locked="0"/>
    </xf>
    <xf numFmtId="0" fontId="10" fillId="0" borderId="0" xfId="0" applyFont="1" applyBorder="1" applyAlignment="1">
      <alignment vertical="center"/>
    </xf>
    <xf numFmtId="0" fontId="10" fillId="0" borderId="10" xfId="0" applyFont="1" applyBorder="1" applyAlignment="1">
      <alignment vertical="center"/>
    </xf>
    <xf numFmtId="0" fontId="10" fillId="0" borderId="4" xfId="0" applyFont="1" applyFill="1" applyBorder="1" applyAlignment="1" applyProtection="1">
      <alignment vertical="center"/>
      <protection locked="0"/>
    </xf>
    <xf numFmtId="0" fontId="10" fillId="0" borderId="9" xfId="0" applyFont="1" applyBorder="1">
      <alignment vertical="center"/>
    </xf>
    <xf numFmtId="0" fontId="10" fillId="0" borderId="3" xfId="0" applyFont="1" applyBorder="1" applyAlignment="1">
      <alignment horizontal="left" vertical="center"/>
    </xf>
    <xf numFmtId="0" fontId="10" fillId="0" borderId="0" xfId="0" applyFont="1" applyFill="1" applyBorder="1" applyAlignment="1">
      <alignment horizontal="right" vertical="center"/>
    </xf>
    <xf numFmtId="0" fontId="10" fillId="0" borderId="4" xfId="0" applyFont="1" applyBorder="1" applyAlignment="1">
      <alignment horizontal="left" vertical="center"/>
    </xf>
    <xf numFmtId="0" fontId="9" fillId="0" borderId="16" xfId="0" applyFont="1" applyBorder="1" applyAlignment="1">
      <alignment horizontal="center" vertical="center" wrapText="1"/>
    </xf>
    <xf numFmtId="0" fontId="10" fillId="0" borderId="0" xfId="0" applyFont="1" applyBorder="1" applyAlignment="1">
      <alignment vertical="center" wrapText="1"/>
    </xf>
    <xf numFmtId="0" fontId="10" fillId="0" borderId="12" xfId="0" applyFont="1" applyFill="1" applyBorder="1">
      <alignment vertical="center"/>
    </xf>
    <xf numFmtId="0" fontId="19" fillId="0" borderId="0" xfId="8" applyAlignment="1">
      <alignment vertical="center"/>
    </xf>
    <xf numFmtId="0" fontId="19" fillId="0" borderId="0" xfId="8" applyAlignment="1">
      <alignment horizontal="right" vertical="center"/>
    </xf>
    <xf numFmtId="0" fontId="10" fillId="0" borderId="4" xfId="0" applyFont="1" applyFill="1" applyBorder="1">
      <alignment vertical="center"/>
    </xf>
    <xf numFmtId="0" fontId="10" fillId="0" borderId="3" xfId="0" applyFont="1" applyBorder="1" applyAlignment="1">
      <alignment horizontal="center" vertical="center"/>
    </xf>
    <xf numFmtId="0" fontId="10" fillId="0" borderId="5" xfId="0" applyFont="1" applyBorder="1" applyAlignment="1">
      <alignment vertical="center"/>
    </xf>
    <xf numFmtId="0" fontId="10" fillId="0" borderId="6" xfId="0" applyFont="1" applyFill="1" applyBorder="1">
      <alignment vertical="center"/>
    </xf>
    <xf numFmtId="0" fontId="10" fillId="0" borderId="9" xfId="0" applyFont="1" applyFill="1" applyBorder="1">
      <alignment vertical="center"/>
    </xf>
    <xf numFmtId="0" fontId="9" fillId="0" borderId="8" xfId="0" applyFont="1" applyBorder="1" applyAlignment="1">
      <alignment horizontal="left" vertical="center" wrapText="1"/>
    </xf>
    <xf numFmtId="0" fontId="9" fillId="0" borderId="16" xfId="0" applyFont="1" applyBorder="1" applyAlignment="1">
      <alignment horizontal="left" vertical="center" wrapText="1"/>
    </xf>
    <xf numFmtId="0" fontId="10" fillId="0" borderId="7" xfId="0" applyFont="1" applyBorder="1" applyAlignment="1">
      <alignment horizontal="center" vertical="center"/>
    </xf>
    <xf numFmtId="0" fontId="10" fillId="0" borderId="8" xfId="0" applyFont="1" applyBorder="1" applyAlignment="1">
      <alignment vertical="center"/>
    </xf>
    <xf numFmtId="0" fontId="10" fillId="0" borderId="7" xfId="0" applyFont="1" applyBorder="1" applyAlignment="1">
      <alignment vertical="center"/>
    </xf>
    <xf numFmtId="0" fontId="17" fillId="0" borderId="0" xfId="1" applyFont="1">
      <alignment vertical="center"/>
    </xf>
    <xf numFmtId="0" fontId="17" fillId="0" borderId="0" xfId="1" applyFont="1" applyAlignment="1">
      <alignment horizontal="center" vertical="center"/>
    </xf>
    <xf numFmtId="0" fontId="17" fillId="0" borderId="0" xfId="1" applyFont="1" applyBorder="1" applyAlignment="1">
      <alignment horizontal="left" vertical="center"/>
    </xf>
    <xf numFmtId="176" fontId="17" fillId="0" borderId="0" xfId="1" applyNumberFormat="1" applyFont="1" applyBorder="1" applyAlignment="1">
      <alignment vertical="center"/>
    </xf>
    <xf numFmtId="0" fontId="17" fillId="0" borderId="0" xfId="1" applyFont="1" applyBorder="1" applyAlignment="1">
      <alignment horizontal="center" vertical="center"/>
    </xf>
    <xf numFmtId="0" fontId="17" fillId="0" borderId="0" xfId="1" applyFont="1" applyBorder="1" applyProtection="1">
      <alignment vertical="center"/>
    </xf>
    <xf numFmtId="0" fontId="17" fillId="0" borderId="0" xfId="1" applyFont="1" applyFill="1" applyBorder="1" applyAlignment="1" applyProtection="1">
      <alignment vertical="center"/>
    </xf>
    <xf numFmtId="0" fontId="17" fillId="0" borderId="0" xfId="1" applyFont="1" applyFill="1" applyBorder="1" applyAlignment="1" applyProtection="1">
      <alignment vertical="center"/>
      <protection locked="0"/>
    </xf>
    <xf numFmtId="0" fontId="17" fillId="0" borderId="0" xfId="1" applyFont="1" applyFill="1" applyBorder="1" applyAlignment="1" applyProtection="1">
      <alignment horizontal="center" vertical="center"/>
    </xf>
    <xf numFmtId="176" fontId="17" fillId="0" borderId="0" xfId="1" applyNumberFormat="1" applyFont="1" applyBorder="1" applyAlignment="1">
      <alignment horizontal="center" vertical="center"/>
    </xf>
    <xf numFmtId="0" fontId="23" fillId="0" borderId="0" xfId="1" applyFont="1">
      <alignment vertical="center"/>
    </xf>
    <xf numFmtId="0" fontId="17" fillId="0" borderId="0" xfId="1" applyFont="1" applyFill="1" applyBorder="1" applyAlignment="1" applyProtection="1">
      <alignment horizontal="center" vertical="center"/>
      <protection locked="0"/>
    </xf>
    <xf numFmtId="176" fontId="17" fillId="0" borderId="0" xfId="1" applyNumberFormat="1" applyFont="1" applyFill="1" applyBorder="1" applyAlignment="1">
      <alignment horizontal="center" vertical="center"/>
    </xf>
    <xf numFmtId="0" fontId="17" fillId="0" borderId="0" xfId="1" applyFont="1" applyFill="1" applyBorder="1" applyAlignment="1" applyProtection="1">
      <alignment horizontal="right" vertical="center"/>
    </xf>
    <xf numFmtId="0" fontId="17" fillId="3" borderId="16" xfId="6" applyFont="1" applyFill="1" applyBorder="1">
      <alignment vertical="center"/>
    </xf>
    <xf numFmtId="0" fontId="17" fillId="0" borderId="0" xfId="6" applyFont="1">
      <alignment vertical="center"/>
    </xf>
    <xf numFmtId="0" fontId="17" fillId="0" borderId="0" xfId="1" applyFont="1" applyBorder="1" applyAlignment="1">
      <alignment vertical="center"/>
    </xf>
    <xf numFmtId="0" fontId="17" fillId="0" borderId="0" xfId="1" applyFont="1" applyBorder="1" applyAlignment="1">
      <alignment vertical="center" wrapText="1"/>
    </xf>
    <xf numFmtId="0" fontId="24" fillId="0" borderId="0" xfId="1" applyFont="1" applyBorder="1" applyAlignment="1">
      <alignment vertical="center" wrapText="1"/>
    </xf>
    <xf numFmtId="0" fontId="17" fillId="0" borderId="6" xfId="1" applyFont="1" applyBorder="1" applyAlignment="1">
      <alignment horizontal="center" vertical="center"/>
    </xf>
    <xf numFmtId="0" fontId="17" fillId="0" borderId="6" xfId="1" applyFont="1" applyBorder="1">
      <alignment vertical="center"/>
    </xf>
    <xf numFmtId="0" fontId="17" fillId="0" borderId="1" xfId="1" applyFont="1" applyBorder="1">
      <alignment vertical="center"/>
    </xf>
    <xf numFmtId="0" fontId="17" fillId="0" borderId="1" xfId="1" applyFont="1" applyFill="1" applyBorder="1" applyAlignment="1" applyProtection="1">
      <alignment vertical="center"/>
    </xf>
    <xf numFmtId="0" fontId="17" fillId="0" borderId="5" xfId="1" applyFont="1" applyBorder="1" applyAlignment="1">
      <alignment horizontal="center" vertical="center"/>
    </xf>
    <xf numFmtId="0" fontId="17" fillId="0" borderId="12" xfId="1" applyFont="1" applyBorder="1">
      <alignment vertical="center"/>
    </xf>
    <xf numFmtId="0" fontId="17" fillId="0" borderId="0" xfId="1" applyFont="1" applyFill="1" applyBorder="1" applyProtection="1">
      <alignment vertical="center"/>
    </xf>
    <xf numFmtId="0" fontId="17" fillId="0" borderId="10" xfId="1" applyFont="1" applyBorder="1" applyAlignment="1">
      <alignment horizontal="center" vertical="center"/>
    </xf>
    <xf numFmtId="0" fontId="17" fillId="0" borderId="0" xfId="1" applyFont="1" applyFill="1" applyBorder="1" applyAlignment="1" applyProtection="1">
      <alignment vertical="center" shrinkToFit="1"/>
    </xf>
    <xf numFmtId="0" fontId="13" fillId="0" borderId="0" xfId="1" applyFont="1" applyFill="1" applyBorder="1" applyAlignment="1">
      <alignment horizontal="center" vertical="center" textRotation="255" shrinkToFit="1"/>
    </xf>
    <xf numFmtId="0" fontId="28" fillId="0" borderId="0" xfId="1" applyFont="1" applyAlignment="1">
      <alignment vertical="top"/>
    </xf>
    <xf numFmtId="0" fontId="17" fillId="0" borderId="0" xfId="1" applyFont="1" applyAlignment="1">
      <alignment horizontal="right" vertical="center"/>
    </xf>
    <xf numFmtId="0" fontId="9" fillId="0" borderId="7" xfId="0" applyFont="1" applyBorder="1" applyAlignment="1">
      <alignment horizontal="left" vertical="center" wrapText="1"/>
    </xf>
    <xf numFmtId="0" fontId="6" fillId="0" borderId="0" xfId="9" applyAlignment="1">
      <alignment vertical="center"/>
    </xf>
    <xf numFmtId="49" fontId="6" fillId="0" borderId="0" xfId="9" applyNumberFormat="1" applyBorder="1" applyAlignment="1">
      <alignment horizontal="center" vertical="center"/>
    </xf>
    <xf numFmtId="0" fontId="20" fillId="0" borderId="0" xfId="9" applyFont="1" applyAlignment="1">
      <alignment horizontal="center" vertical="center" shrinkToFit="1"/>
    </xf>
    <xf numFmtId="0" fontId="6" fillId="0" borderId="0" xfId="9" applyAlignment="1">
      <alignment vertical="center" shrinkToFit="1"/>
    </xf>
    <xf numFmtId="49" fontId="6" fillId="0" borderId="22" xfId="9" applyNumberFormat="1" applyBorder="1" applyAlignment="1">
      <alignment horizontal="right" vertical="center"/>
    </xf>
    <xf numFmtId="0" fontId="6" fillId="0" borderId="0" xfId="9" applyAlignment="1">
      <alignment horizontal="center" vertical="center"/>
    </xf>
    <xf numFmtId="0" fontId="29" fillId="0" borderId="0" xfId="9" applyFont="1" applyAlignment="1">
      <alignment horizontal="center" vertical="center"/>
    </xf>
    <xf numFmtId="0" fontId="6" fillId="0" borderId="0" xfId="9" applyBorder="1" applyAlignment="1">
      <alignment horizontal="center" vertical="center"/>
    </xf>
    <xf numFmtId="178" fontId="6" fillId="0" borderId="0" xfId="9" applyNumberFormat="1" applyAlignment="1">
      <alignment horizontal="left" vertical="center"/>
    </xf>
    <xf numFmtId="0" fontId="6" fillId="0" borderId="0" xfId="9" applyNumberFormat="1" applyAlignment="1">
      <alignment vertical="center"/>
    </xf>
    <xf numFmtId="0" fontId="31" fillId="0" borderId="0" xfId="9" applyFont="1" applyBorder="1" applyAlignment="1">
      <alignment horizontal="center" vertical="center"/>
    </xf>
    <xf numFmtId="0" fontId="6" fillId="0" borderId="0" xfId="9" applyNumberFormat="1" applyBorder="1" applyAlignment="1">
      <alignment vertical="center"/>
    </xf>
    <xf numFmtId="0" fontId="6" fillId="0" borderId="0" xfId="9" applyAlignment="1">
      <alignment vertical="center" wrapText="1"/>
    </xf>
    <xf numFmtId="0" fontId="6" fillId="0" borderId="0" xfId="9" applyAlignment="1"/>
    <xf numFmtId="0" fontId="6" fillId="0" borderId="0" xfId="9" applyAlignment="1">
      <alignment horizontal="right" vertical="center"/>
    </xf>
    <xf numFmtId="49" fontId="6" fillId="0" borderId="0" xfId="9" applyNumberFormat="1" applyAlignment="1">
      <alignment horizontal="right"/>
    </xf>
    <xf numFmtId="49" fontId="6" fillId="0" borderId="0" xfId="9" applyNumberFormat="1" applyAlignment="1">
      <alignment horizontal="center"/>
    </xf>
    <xf numFmtId="0" fontId="22" fillId="0" borderId="0" xfId="9" applyFont="1" applyAlignment="1">
      <alignment horizontal="center"/>
    </xf>
    <xf numFmtId="49" fontId="6" fillId="0" borderId="0" xfId="9" applyNumberFormat="1" applyBorder="1" applyAlignment="1">
      <alignment horizontal="center"/>
    </xf>
    <xf numFmtId="0" fontId="20" fillId="0" borderId="0" xfId="9" applyFont="1" applyAlignment="1">
      <alignment horizontal="center" shrinkToFit="1"/>
    </xf>
    <xf numFmtId="49" fontId="6" fillId="0" borderId="22" xfId="9" applyNumberFormat="1" applyBorder="1" applyAlignment="1">
      <alignment horizontal="center"/>
    </xf>
    <xf numFmtId="49" fontId="6" fillId="0" borderId="23" xfId="9" applyNumberFormat="1" applyBorder="1" applyAlignment="1">
      <alignment horizontal="center"/>
    </xf>
    <xf numFmtId="49" fontId="6" fillId="0" borderId="22" xfId="9" applyNumberFormat="1" applyBorder="1" applyAlignment="1">
      <alignment horizontal="right"/>
    </xf>
    <xf numFmtId="0" fontId="6" fillId="0" borderId="23" xfId="9" applyBorder="1" applyAlignment="1"/>
    <xf numFmtId="0" fontId="6" fillId="0" borderId="0" xfId="9" applyBorder="1" applyAlignment="1"/>
    <xf numFmtId="0" fontId="6" fillId="0" borderId="0" xfId="9" applyAlignment="1">
      <alignment horizontal="center"/>
    </xf>
    <xf numFmtId="0" fontId="6" fillId="0" borderId="0" xfId="9" applyAlignment="1">
      <alignment horizontal="right"/>
    </xf>
    <xf numFmtId="0" fontId="29" fillId="0" borderId="0" xfId="9" applyFont="1" applyAlignment="1">
      <alignment horizontal="center"/>
    </xf>
    <xf numFmtId="0" fontId="6" fillId="0" borderId="0" xfId="9" applyBorder="1" applyAlignment="1">
      <alignment horizontal="center"/>
    </xf>
    <xf numFmtId="0" fontId="33" fillId="0" borderId="0" xfId="9" applyFont="1" applyAlignment="1"/>
    <xf numFmtId="0" fontId="6" fillId="0" borderId="22" xfId="9" applyNumberFormat="1" applyBorder="1" applyAlignment="1">
      <alignment horizontal="left"/>
    </xf>
    <xf numFmtId="0" fontId="6" fillId="0" borderId="23" xfId="9" applyBorder="1" applyAlignment="1">
      <alignment vertical="center"/>
    </xf>
    <xf numFmtId="0" fontId="6" fillId="0" borderId="9" xfId="9" applyBorder="1" applyAlignment="1">
      <alignment horizontal="center"/>
    </xf>
    <xf numFmtId="0" fontId="6" fillId="0" borderId="16" xfId="9" applyBorder="1" applyAlignment="1">
      <alignment horizontal="center"/>
    </xf>
    <xf numFmtId="0" fontId="6" fillId="0" borderId="16" xfId="9" applyBorder="1" applyAlignment="1"/>
    <xf numFmtId="0" fontId="33" fillId="0" borderId="0" xfId="9" applyFont="1" applyFill="1" applyBorder="1" applyAlignment="1"/>
    <xf numFmtId="0" fontId="6" fillId="0" borderId="16" xfId="9" applyFill="1" applyBorder="1" applyAlignment="1">
      <alignment horizontal="center"/>
    </xf>
    <xf numFmtId="0" fontId="19" fillId="0" borderId="0" xfId="10" applyAlignment="1" applyProtection="1"/>
    <xf numFmtId="0" fontId="19" fillId="0" borderId="0" xfId="10" applyAlignment="1" applyProtection="1">
      <alignment horizontal="right" vertical="center"/>
    </xf>
    <xf numFmtId="0" fontId="19" fillId="0" borderId="0" xfId="10" applyAlignment="1" applyProtection="1">
      <alignment horizontal="left" vertical="center"/>
    </xf>
    <xf numFmtId="49" fontId="6" fillId="0" borderId="26" xfId="9" applyNumberFormat="1" applyBorder="1" applyAlignment="1">
      <alignment horizontal="right"/>
    </xf>
    <xf numFmtId="49" fontId="6" fillId="0" borderId="27" xfId="9" applyNumberFormat="1" applyBorder="1" applyAlignment="1">
      <alignment horizontal="center"/>
    </xf>
    <xf numFmtId="178" fontId="6" fillId="0" borderId="0" xfId="9" applyNumberFormat="1" applyAlignment="1">
      <alignment horizontal="left"/>
    </xf>
    <xf numFmtId="0" fontId="12" fillId="0" borderId="0" xfId="9" applyFont="1" applyFill="1" applyBorder="1" applyAlignment="1"/>
    <xf numFmtId="0" fontId="12" fillId="0" borderId="0" xfId="9" applyFont="1" applyFill="1" applyBorder="1" applyAlignment="1">
      <alignment vertical="center"/>
    </xf>
    <xf numFmtId="0" fontId="6" fillId="0" borderId="29" xfId="9" applyBorder="1" applyAlignment="1"/>
    <xf numFmtId="0" fontId="10" fillId="0" borderId="0" xfId="11" applyFont="1" applyFill="1" applyAlignment="1">
      <alignment horizontal="left" vertical="center"/>
    </xf>
    <xf numFmtId="0" fontId="9" fillId="0" borderId="11" xfId="11" applyFont="1" applyFill="1" applyBorder="1" applyAlignment="1">
      <alignment horizontal="center" wrapText="1"/>
    </xf>
    <xf numFmtId="0" fontId="29" fillId="0" borderId="17" xfId="11" applyFont="1" applyFill="1" applyBorder="1" applyAlignment="1">
      <alignment horizontal="center" wrapText="1"/>
    </xf>
    <xf numFmtId="0" fontId="9" fillId="0" borderId="17" xfId="11" applyFont="1" applyFill="1" applyBorder="1" applyAlignment="1">
      <alignment horizontal="center" wrapText="1"/>
    </xf>
    <xf numFmtId="0" fontId="9" fillId="0" borderId="0" xfId="11" applyFont="1" applyFill="1" applyAlignment="1">
      <alignment vertical="center"/>
    </xf>
    <xf numFmtId="0" fontId="34" fillId="0" borderId="0" xfId="11" applyFont="1" applyFill="1" applyAlignment="1">
      <alignment horizontal="center" vertical="center"/>
    </xf>
    <xf numFmtId="0" fontId="9" fillId="0" borderId="0" xfId="11" applyFont="1" applyFill="1" applyAlignment="1">
      <alignment vertical="center" wrapText="1"/>
    </xf>
    <xf numFmtId="0" fontId="9" fillId="0" borderId="0" xfId="11" applyFont="1" applyFill="1" applyAlignment="1">
      <alignment horizontal="center" vertical="center"/>
    </xf>
    <xf numFmtId="0" fontId="10" fillId="0" borderId="7" xfId="0" applyFont="1" applyBorder="1" applyAlignment="1">
      <alignment horizontal="center" vertical="center"/>
    </xf>
    <xf numFmtId="0" fontId="10" fillId="0" borderId="12" xfId="0" applyFont="1" applyBorder="1" applyAlignment="1">
      <alignment horizontal="left" vertical="center"/>
    </xf>
    <xf numFmtId="0" fontId="10" fillId="0" borderId="1" xfId="0" applyFont="1" applyBorder="1" applyAlignment="1">
      <alignment horizontal="left" vertical="center"/>
    </xf>
    <xf numFmtId="0" fontId="4" fillId="0" borderId="16" xfId="9" applyFont="1" applyBorder="1" applyAlignment="1">
      <alignment horizontal="center" vertical="center"/>
    </xf>
    <xf numFmtId="0" fontId="17" fillId="0" borderId="0" xfId="1" applyFont="1" applyBorder="1" applyAlignment="1">
      <alignment vertical="center"/>
    </xf>
    <xf numFmtId="0" fontId="17" fillId="0" borderId="4" xfId="1" applyFont="1" applyBorder="1">
      <alignment vertical="center"/>
    </xf>
    <xf numFmtId="0" fontId="17" fillId="0" borderId="3" xfId="1" applyFont="1" applyBorder="1">
      <alignment vertical="center"/>
    </xf>
    <xf numFmtId="0" fontId="17" fillId="0" borderId="3" xfId="1" applyFont="1" applyBorder="1" applyProtection="1">
      <alignment vertical="center"/>
    </xf>
    <xf numFmtId="0" fontId="17" fillId="0" borderId="2" xfId="1" applyFont="1" applyBorder="1" applyAlignment="1">
      <alignment horizontal="left" vertical="center"/>
    </xf>
    <xf numFmtId="0" fontId="10" fillId="0" borderId="12" xfId="0" applyFont="1" applyBorder="1" applyAlignment="1">
      <alignment horizontal="left" vertical="center"/>
    </xf>
    <xf numFmtId="0" fontId="10" fillId="0" borderId="0" xfId="0" applyFont="1" applyBorder="1" applyAlignment="1">
      <alignment horizontal="left" vertical="center"/>
    </xf>
    <xf numFmtId="179" fontId="10" fillId="0" borderId="8" xfId="0" applyNumberFormat="1" applyFont="1" applyFill="1" applyBorder="1" applyAlignment="1">
      <alignment vertical="center"/>
    </xf>
    <xf numFmtId="0" fontId="10" fillId="0" borderId="7" xfId="0" applyFont="1" applyFill="1" applyBorder="1">
      <alignment vertical="center"/>
    </xf>
    <xf numFmtId="0" fontId="19" fillId="0" borderId="0" xfId="8" applyFont="1" applyAlignment="1">
      <alignment vertical="center"/>
    </xf>
    <xf numFmtId="0" fontId="10" fillId="0" borderId="0" xfId="0" applyFont="1" applyFill="1">
      <alignment vertical="center"/>
    </xf>
    <xf numFmtId="0" fontId="11" fillId="0" borderId="0" xfId="0" applyFont="1" applyFill="1">
      <alignment vertical="center"/>
    </xf>
    <xf numFmtId="0" fontId="10" fillId="0" borderId="0" xfId="1" applyFont="1" applyBorder="1" applyAlignment="1">
      <alignment vertical="top"/>
    </xf>
    <xf numFmtId="0" fontId="9" fillId="0" borderId="8" xfId="0" applyFont="1" applyBorder="1" applyAlignment="1">
      <alignment vertical="center" wrapText="1"/>
    </xf>
    <xf numFmtId="0" fontId="9" fillId="0" borderId="7" xfId="0" applyFont="1" applyBorder="1" applyAlignment="1">
      <alignment vertical="center" wrapText="1"/>
    </xf>
    <xf numFmtId="0" fontId="9" fillId="0" borderId="16" xfId="11" applyFont="1" applyFill="1" applyBorder="1" applyAlignment="1">
      <alignment horizontal="center" vertical="center" wrapText="1"/>
    </xf>
    <xf numFmtId="181" fontId="9" fillId="0" borderId="16" xfId="11" applyNumberFormat="1" applyFont="1" applyFill="1" applyBorder="1" applyAlignment="1">
      <alignment horizontal="center" vertical="center" wrapText="1"/>
    </xf>
    <xf numFmtId="0" fontId="6" fillId="0" borderId="0" xfId="9" applyFill="1" applyAlignment="1">
      <alignment horizontal="center" vertical="center"/>
    </xf>
    <xf numFmtId="0" fontId="10" fillId="0" borderId="12" xfId="0" applyFont="1" applyBorder="1" applyAlignment="1">
      <alignment horizontal="left" vertical="center"/>
    </xf>
    <xf numFmtId="0" fontId="0" fillId="0" borderId="0" xfId="0" applyAlignment="1">
      <alignment horizontal="center" vertical="center"/>
    </xf>
    <xf numFmtId="0" fontId="6" fillId="0" borderId="0" xfId="9" applyFill="1" applyAlignment="1">
      <alignment vertical="center"/>
    </xf>
    <xf numFmtId="0" fontId="22" fillId="0" borderId="0" xfId="9" applyFont="1" applyFill="1" applyAlignment="1">
      <alignment horizontal="center" vertical="center"/>
    </xf>
    <xf numFmtId="0" fontId="10" fillId="0" borderId="12" xfId="0" applyFont="1" applyBorder="1" applyAlignment="1">
      <alignment horizontal="left" vertical="center"/>
    </xf>
    <xf numFmtId="0" fontId="10" fillId="0" borderId="0" xfId="0" applyFont="1" applyBorder="1" applyAlignment="1">
      <alignment horizontal="left" vertical="center"/>
    </xf>
    <xf numFmtId="0" fontId="6" fillId="0" borderId="16" xfId="9" applyFill="1" applyBorder="1" applyAlignment="1">
      <alignment horizontal="center" vertical="center" wrapText="1"/>
    </xf>
    <xf numFmtId="0" fontId="11" fillId="0" borderId="4" xfId="0" applyFont="1" applyFill="1" applyBorder="1">
      <alignment vertical="center"/>
    </xf>
    <xf numFmtId="0" fontId="11" fillId="0" borderId="3" xfId="0" applyFont="1" applyFill="1" applyBorder="1">
      <alignment vertical="center"/>
    </xf>
    <xf numFmtId="0" fontId="11" fillId="0" borderId="2" xfId="0" applyFont="1" applyFill="1" applyBorder="1">
      <alignment vertical="center"/>
    </xf>
    <xf numFmtId="0" fontId="0" fillId="0" borderId="0" xfId="0" applyFill="1">
      <alignment vertical="center"/>
    </xf>
    <xf numFmtId="0" fontId="10" fillId="0" borderId="2" xfId="0" applyFont="1" applyBorder="1" applyAlignment="1">
      <alignment horizontal="center" vertical="center"/>
    </xf>
    <xf numFmtId="0" fontId="10" fillId="0" borderId="7" xfId="0" applyFont="1" applyBorder="1">
      <alignment vertical="center"/>
    </xf>
    <xf numFmtId="0" fontId="10" fillId="0" borderId="10" xfId="0" applyFont="1" applyBorder="1">
      <alignment vertical="center"/>
    </xf>
    <xf numFmtId="0" fontId="37" fillId="0" borderId="3" xfId="0" applyFont="1" applyBorder="1" applyAlignment="1">
      <alignment vertical="center"/>
    </xf>
    <xf numFmtId="0" fontId="10" fillId="5" borderId="0" xfId="0" applyFont="1" applyFill="1">
      <alignment vertical="center"/>
    </xf>
    <xf numFmtId="177" fontId="19" fillId="5" borderId="0" xfId="8" applyNumberFormat="1" applyFill="1" applyAlignment="1"/>
    <xf numFmtId="0" fontId="3" fillId="5" borderId="16" xfId="9" applyFont="1" applyFill="1" applyBorder="1" applyAlignment="1">
      <alignment horizontal="center" vertical="center" wrapText="1"/>
    </xf>
    <xf numFmtId="0" fontId="9" fillId="5" borderId="16" xfId="11" applyFont="1" applyFill="1" applyBorder="1" applyAlignment="1">
      <alignment horizontal="center" vertical="center" wrapText="1"/>
    </xf>
    <xf numFmtId="181" fontId="9" fillId="5" borderId="16" xfId="11" applyNumberFormat="1" applyFont="1" applyFill="1" applyBorder="1" applyAlignment="1">
      <alignment horizontal="center" vertical="center" wrapText="1"/>
    </xf>
    <xf numFmtId="0" fontId="9" fillId="5" borderId="0" xfId="11" applyFont="1" applyFill="1" applyAlignment="1">
      <alignment horizontal="right" vertical="center"/>
    </xf>
    <xf numFmtId="0" fontId="9" fillId="5" borderId="0" xfId="11" applyFont="1" applyFill="1" applyAlignment="1">
      <alignment vertical="center"/>
    </xf>
    <xf numFmtId="0" fontId="10" fillId="0" borderId="0" xfId="0" applyFont="1" applyFill="1" applyBorder="1" applyAlignment="1" applyProtection="1">
      <alignment horizontal="left" vertical="top"/>
      <protection locked="0"/>
    </xf>
    <xf numFmtId="0" fontId="10" fillId="0" borderId="10" xfId="0" applyFont="1" applyFill="1" applyBorder="1" applyAlignment="1" applyProtection="1">
      <alignment horizontal="left" vertical="top"/>
      <protection locked="0"/>
    </xf>
    <xf numFmtId="0" fontId="17" fillId="5" borderId="0" xfId="1" applyFont="1" applyFill="1" applyBorder="1" applyAlignment="1" applyProtection="1">
      <alignment horizontal="center" vertical="center" shrinkToFit="1"/>
      <protection locked="0"/>
    </xf>
    <xf numFmtId="0" fontId="17" fillId="5" borderId="0" xfId="1" applyFont="1" applyFill="1" applyBorder="1" applyAlignment="1" applyProtection="1">
      <alignment horizontal="center" vertical="center"/>
      <protection locked="0"/>
    </xf>
    <xf numFmtId="0" fontId="9" fillId="5" borderId="0" xfId="11" applyFont="1" applyFill="1" applyAlignment="1">
      <alignment horizontal="left" vertical="center"/>
    </xf>
    <xf numFmtId="0" fontId="38" fillId="0" borderId="0" xfId="0" applyFont="1">
      <alignment vertical="center"/>
    </xf>
    <xf numFmtId="0" fontId="38" fillId="0" borderId="0" xfId="1" applyFont="1" applyBorder="1" applyAlignment="1">
      <alignment vertical="top"/>
    </xf>
    <xf numFmtId="0" fontId="38" fillId="0" borderId="0" xfId="11" applyFont="1" applyFill="1" applyAlignment="1">
      <alignment horizontal="left" vertical="center"/>
    </xf>
    <xf numFmtId="0" fontId="17" fillId="0" borderId="0" xfId="1" applyFont="1" applyFill="1" applyBorder="1" applyAlignment="1" applyProtection="1">
      <alignment horizontal="center" vertical="center"/>
    </xf>
    <xf numFmtId="0" fontId="17" fillId="0" borderId="0" xfId="1" applyFont="1" applyFill="1" applyBorder="1" applyAlignment="1" applyProtection="1">
      <alignment horizontal="left" vertical="center"/>
    </xf>
    <xf numFmtId="0" fontId="17" fillId="5" borderId="0" xfId="1" applyFont="1" applyFill="1" applyBorder="1" applyAlignment="1" applyProtection="1">
      <alignment vertical="center" shrinkToFit="1"/>
      <protection locked="0"/>
    </xf>
    <xf numFmtId="0" fontId="17" fillId="5" borderId="0" xfId="1" applyFont="1" applyFill="1" applyBorder="1" applyAlignment="1" applyProtection="1">
      <alignment horizontal="left" vertical="center" shrinkToFit="1"/>
      <protection locked="0"/>
    </xf>
    <xf numFmtId="0" fontId="25" fillId="0" borderId="0" xfId="1" applyFont="1" applyBorder="1" applyAlignment="1">
      <alignment horizontal="center" vertical="center"/>
    </xf>
    <xf numFmtId="0" fontId="17" fillId="0" borderId="0" xfId="1" applyFont="1" applyBorder="1" applyAlignment="1">
      <alignment horizontal="left" vertical="center" wrapText="1"/>
    </xf>
    <xf numFmtId="0" fontId="26" fillId="0" borderId="0" xfId="1" applyFont="1" applyAlignment="1">
      <alignment vertical="center" wrapText="1"/>
    </xf>
    <xf numFmtId="0" fontId="17" fillId="0" borderId="3" xfId="1" applyFont="1" applyBorder="1" applyAlignment="1">
      <alignment horizontal="center" vertical="top"/>
    </xf>
    <xf numFmtId="0" fontId="17" fillId="0" borderId="1" xfId="1" applyFont="1" applyBorder="1" applyAlignment="1">
      <alignment horizontal="left" vertical="center"/>
    </xf>
    <xf numFmtId="0" fontId="17" fillId="0" borderId="5" xfId="1" applyFont="1" applyBorder="1" applyAlignment="1">
      <alignment horizontal="left" vertical="center"/>
    </xf>
    <xf numFmtId="0" fontId="24" fillId="5" borderId="9" xfId="1" applyFont="1" applyFill="1" applyBorder="1" applyAlignment="1" applyProtection="1">
      <alignment horizontal="center" vertical="center" wrapText="1"/>
      <protection locked="0"/>
    </xf>
    <xf numFmtId="0" fontId="24" fillId="5" borderId="8" xfId="1" applyFont="1" applyFill="1" applyBorder="1" applyAlignment="1" applyProtection="1">
      <alignment horizontal="center" vertical="center" wrapText="1"/>
      <protection locked="0"/>
    </xf>
    <xf numFmtId="0" fontId="24" fillId="5" borderId="7" xfId="1" applyFont="1" applyFill="1" applyBorder="1" applyAlignment="1" applyProtection="1">
      <alignment horizontal="center" vertical="center" wrapText="1"/>
      <protection locked="0"/>
    </xf>
    <xf numFmtId="0" fontId="27" fillId="0" borderId="0" xfId="1" applyFont="1" applyBorder="1" applyAlignment="1">
      <alignment horizontal="left" vertical="center" wrapText="1"/>
    </xf>
    <xf numFmtId="0" fontId="27" fillId="0" borderId="0" xfId="1" applyFont="1" applyFill="1" applyBorder="1" applyAlignment="1">
      <alignment horizontal="left" vertical="center" shrinkToFit="1"/>
    </xf>
    <xf numFmtId="0" fontId="17" fillId="0" borderId="1" xfId="1" applyFont="1" applyBorder="1" applyAlignment="1">
      <alignment vertical="center"/>
    </xf>
    <xf numFmtId="0" fontId="17" fillId="0" borderId="5" xfId="1" applyFont="1" applyBorder="1" applyAlignment="1">
      <alignment vertical="center"/>
    </xf>
    <xf numFmtId="0" fontId="17" fillId="0" borderId="0" xfId="1" applyFont="1" applyBorder="1" applyAlignment="1">
      <alignment vertical="center"/>
    </xf>
    <xf numFmtId="0" fontId="17" fillId="0" borderId="10" xfId="1" applyFont="1" applyBorder="1" applyAlignment="1">
      <alignment vertical="center"/>
    </xf>
    <xf numFmtId="0" fontId="17" fillId="0" borderId="3" xfId="1" applyFont="1" applyBorder="1" applyAlignment="1">
      <alignment vertical="center"/>
    </xf>
    <xf numFmtId="0" fontId="17" fillId="0" borderId="2" xfId="1" applyFont="1" applyBorder="1" applyAlignment="1">
      <alignment vertical="center"/>
    </xf>
    <xf numFmtId="0" fontId="17" fillId="5" borderId="1" xfId="1" applyFont="1" applyFill="1" applyBorder="1" applyAlignment="1" applyProtection="1">
      <alignment horizontal="left" vertical="center" shrinkToFit="1"/>
      <protection locked="0"/>
    </xf>
    <xf numFmtId="0" fontId="17" fillId="5" borderId="3" xfId="1" applyFont="1" applyFill="1" applyBorder="1" applyAlignment="1" applyProtection="1">
      <alignment vertical="center" shrinkToFit="1"/>
      <protection locked="0"/>
    </xf>
    <xf numFmtId="0" fontId="26" fillId="5" borderId="3" xfId="1" applyFont="1" applyFill="1" applyBorder="1" applyAlignment="1" applyProtection="1">
      <alignment vertical="center" shrinkToFit="1"/>
      <protection locked="0"/>
    </xf>
    <xf numFmtId="0" fontId="10" fillId="0" borderId="6" xfId="0" applyFont="1" applyFill="1" applyBorder="1" applyAlignment="1">
      <alignment horizontal="left" vertical="center"/>
    </xf>
    <xf numFmtId="0" fontId="10" fillId="0" borderId="1" xfId="0" applyFont="1" applyFill="1" applyBorder="1" applyAlignment="1">
      <alignment horizontal="left" vertical="center"/>
    </xf>
    <xf numFmtId="0" fontId="10" fillId="0" borderId="5" xfId="0" applyFont="1" applyFill="1" applyBorder="1" applyAlignment="1">
      <alignment horizontal="left" vertical="center"/>
    </xf>
    <xf numFmtId="0" fontId="9" fillId="0" borderId="9" xfId="0" applyFont="1" applyBorder="1" applyAlignment="1">
      <alignment horizontal="center" vertical="center" wrapText="1"/>
    </xf>
    <xf numFmtId="0" fontId="9" fillId="0" borderId="8" xfId="0" applyFont="1" applyBorder="1" applyAlignment="1">
      <alignment horizontal="center" vertical="center" wrapText="1"/>
    </xf>
    <xf numFmtId="0" fontId="9" fillId="0" borderId="7"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14" xfId="0" applyFont="1" applyBorder="1" applyAlignment="1">
      <alignment horizontal="center" vertical="center" wrapText="1"/>
    </xf>
    <xf numFmtId="0" fontId="9" fillId="0" borderId="15" xfId="0" applyFont="1" applyBorder="1" applyAlignment="1">
      <alignment horizontal="center" vertical="center" wrapText="1"/>
    </xf>
    <xf numFmtId="0" fontId="10" fillId="0" borderId="12" xfId="0" applyFont="1" applyFill="1" applyBorder="1" applyAlignment="1">
      <alignment horizontal="left" vertical="center"/>
    </xf>
    <xf numFmtId="0" fontId="10" fillId="0" borderId="0" xfId="0" applyFont="1" applyFill="1" applyBorder="1" applyAlignment="1">
      <alignment horizontal="left" vertical="center"/>
    </xf>
    <xf numFmtId="0" fontId="9" fillId="0" borderId="16" xfId="0" applyFont="1" applyBorder="1" applyAlignment="1">
      <alignment horizontal="left" vertical="center" wrapText="1"/>
    </xf>
    <xf numFmtId="179" fontId="9" fillId="5" borderId="16" xfId="0" applyNumberFormat="1" applyFont="1" applyFill="1" applyBorder="1" applyAlignment="1">
      <alignment horizontal="center" vertical="center" wrapText="1"/>
    </xf>
    <xf numFmtId="0" fontId="19" fillId="0" borderId="0" xfId="0" applyFont="1" applyAlignment="1">
      <alignment horizontal="center" vertical="center"/>
    </xf>
    <xf numFmtId="0" fontId="9" fillId="0" borderId="8" xfId="0" applyFont="1" applyBorder="1" applyAlignment="1">
      <alignment horizontal="left" vertical="center" wrapText="1"/>
    </xf>
    <xf numFmtId="0" fontId="20" fillId="2" borderId="16" xfId="0" applyFont="1" applyFill="1" applyBorder="1" applyAlignment="1">
      <alignment horizontal="left" vertical="center" shrinkToFit="1"/>
    </xf>
    <xf numFmtId="0" fontId="20" fillId="0" borderId="16" xfId="0" applyFont="1" applyBorder="1" applyAlignment="1">
      <alignment horizontal="left" vertical="center" shrinkToFit="1"/>
    </xf>
    <xf numFmtId="0" fontId="10" fillId="0" borderId="8" xfId="0" applyFont="1" applyFill="1" applyBorder="1" applyAlignment="1">
      <alignment horizontal="center" vertical="center"/>
    </xf>
    <xf numFmtId="0" fontId="10" fillId="0" borderId="7" xfId="0" applyFont="1" applyFill="1" applyBorder="1" applyAlignment="1">
      <alignment horizontal="center" vertical="center"/>
    </xf>
    <xf numFmtId="0" fontId="10" fillId="5" borderId="9" xfId="0" applyFont="1" applyFill="1" applyBorder="1" applyAlignment="1">
      <alignment vertical="center"/>
    </xf>
    <xf numFmtId="0" fontId="0" fillId="5" borderId="8" xfId="0" applyFill="1" applyBorder="1" applyAlignment="1">
      <alignment vertical="center"/>
    </xf>
    <xf numFmtId="0" fontId="10" fillId="0" borderId="9" xfId="0" applyFont="1" applyFill="1" applyBorder="1" applyAlignment="1">
      <alignment horizontal="center" vertical="center"/>
    </xf>
    <xf numFmtId="0" fontId="10" fillId="5" borderId="9" xfId="0" applyFont="1" applyFill="1" applyBorder="1" applyAlignment="1">
      <alignment horizontal="center" vertical="center"/>
    </xf>
    <xf numFmtId="0" fontId="10" fillId="5" borderId="8" xfId="0" applyFont="1" applyFill="1" applyBorder="1" applyAlignment="1">
      <alignment horizontal="center" vertical="center"/>
    </xf>
    <xf numFmtId="0" fontId="10" fillId="5" borderId="7" xfId="0" applyFont="1" applyFill="1" applyBorder="1" applyAlignment="1">
      <alignment horizontal="center" vertical="center"/>
    </xf>
    <xf numFmtId="0" fontId="10" fillId="5" borderId="4" xfId="0" applyFont="1" applyFill="1" applyBorder="1" applyAlignment="1" applyProtection="1">
      <alignment horizontal="left" vertical="center" wrapText="1"/>
      <protection locked="0"/>
    </xf>
    <xf numFmtId="0" fontId="10" fillId="5" borderId="3" xfId="0" applyFont="1" applyFill="1" applyBorder="1" applyAlignment="1" applyProtection="1">
      <alignment horizontal="left" vertical="center" wrapText="1"/>
      <protection locked="0"/>
    </xf>
    <xf numFmtId="0" fontId="10" fillId="5" borderId="2" xfId="0" applyFont="1" applyFill="1" applyBorder="1" applyAlignment="1" applyProtection="1">
      <alignment horizontal="left" vertical="center" wrapText="1"/>
      <protection locked="0"/>
    </xf>
    <xf numFmtId="0" fontId="10" fillId="5" borderId="19" xfId="0" applyFont="1" applyFill="1" applyBorder="1" applyAlignment="1" applyProtection="1">
      <alignment vertical="center" wrapText="1"/>
      <protection locked="0"/>
    </xf>
    <xf numFmtId="0" fontId="10" fillId="0" borderId="17" xfId="0" applyFont="1" applyBorder="1" applyAlignment="1">
      <alignment horizontal="center" vertical="center"/>
    </xf>
    <xf numFmtId="0" fontId="35" fillId="5" borderId="17" xfId="12" applyFill="1" applyBorder="1" applyProtection="1">
      <alignment vertical="center"/>
      <protection locked="0"/>
    </xf>
    <xf numFmtId="0" fontId="10" fillId="5" borderId="17" xfId="0" applyFont="1" applyFill="1" applyBorder="1" applyProtection="1">
      <alignment vertical="center"/>
      <protection locked="0"/>
    </xf>
    <xf numFmtId="0" fontId="10" fillId="0" borderId="16" xfId="0" applyFont="1" applyBorder="1" applyAlignment="1">
      <alignment horizontal="center" vertical="center"/>
    </xf>
    <xf numFmtId="0" fontId="10" fillId="5" borderId="16" xfId="0" applyFont="1" applyFill="1" applyBorder="1" applyProtection="1">
      <alignment vertical="center"/>
      <protection locked="0"/>
    </xf>
    <xf numFmtId="0" fontId="10" fillId="0" borderId="0" xfId="0" applyFont="1" applyBorder="1" applyAlignment="1">
      <alignment horizontal="right" vertical="center"/>
    </xf>
    <xf numFmtId="0" fontId="37" fillId="0" borderId="0" xfId="0" applyFont="1" applyFill="1" applyBorder="1" applyAlignment="1" applyProtection="1">
      <alignment horizontal="left" vertical="top" wrapText="1"/>
      <protection locked="0"/>
    </xf>
    <xf numFmtId="0" fontId="37" fillId="0" borderId="0" xfId="0" applyFont="1" applyFill="1" applyBorder="1" applyAlignment="1" applyProtection="1">
      <alignment horizontal="left" vertical="top"/>
      <protection locked="0"/>
    </xf>
    <xf numFmtId="0" fontId="37" fillId="0" borderId="10" xfId="0" applyFont="1" applyFill="1" applyBorder="1" applyAlignment="1" applyProtection="1">
      <alignment horizontal="left" vertical="top"/>
      <protection locked="0"/>
    </xf>
    <xf numFmtId="0" fontId="10" fillId="0" borderId="3" xfId="0" applyFont="1" applyBorder="1" applyAlignment="1">
      <alignment horizontal="center" vertical="center"/>
    </xf>
    <xf numFmtId="179" fontId="10" fillId="5" borderId="4" xfId="0" applyNumberFormat="1" applyFont="1" applyFill="1" applyBorder="1" applyAlignment="1">
      <alignment horizontal="right" vertical="center"/>
    </xf>
    <xf numFmtId="179" fontId="10" fillId="5" borderId="3" xfId="0" applyNumberFormat="1" applyFont="1" applyFill="1" applyBorder="1" applyAlignment="1">
      <alignment horizontal="right" vertical="center"/>
    </xf>
    <xf numFmtId="179" fontId="10" fillId="0" borderId="9" xfId="0" applyNumberFormat="1" applyFont="1" applyFill="1" applyBorder="1" applyAlignment="1">
      <alignment horizontal="right" vertical="center"/>
    </xf>
    <xf numFmtId="179" fontId="10" fillId="0" borderId="8" xfId="0" applyNumberFormat="1" applyFont="1" applyFill="1" applyBorder="1" applyAlignment="1">
      <alignment horizontal="right" vertical="center"/>
    </xf>
    <xf numFmtId="179" fontId="10" fillId="5" borderId="9" xfId="0" applyNumberFormat="1" applyFont="1" applyFill="1" applyBorder="1" applyAlignment="1">
      <alignment horizontal="right" vertical="center"/>
    </xf>
    <xf numFmtId="179" fontId="10" fillId="5" borderId="8" xfId="0" applyNumberFormat="1" applyFont="1" applyFill="1" applyBorder="1" applyAlignment="1">
      <alignment horizontal="right" vertical="center"/>
    </xf>
    <xf numFmtId="0" fontId="10" fillId="0" borderId="9" xfId="0" applyFont="1" applyFill="1" applyBorder="1" applyAlignment="1" applyProtection="1">
      <alignment horizontal="left" vertical="center" wrapText="1"/>
      <protection locked="0"/>
    </xf>
    <xf numFmtId="0" fontId="10" fillId="0" borderId="8" xfId="0" applyFont="1" applyFill="1" applyBorder="1" applyAlignment="1" applyProtection="1">
      <alignment horizontal="left" vertical="center" wrapText="1"/>
      <protection locked="0"/>
    </xf>
    <xf numFmtId="0" fontId="10" fillId="0" borderId="7" xfId="0" applyFont="1" applyFill="1" applyBorder="1" applyAlignment="1" applyProtection="1">
      <alignment horizontal="left" vertical="center" wrapText="1"/>
      <protection locked="0"/>
    </xf>
    <xf numFmtId="0" fontId="10" fillId="0" borderId="31" xfId="0" applyFont="1" applyBorder="1" applyAlignment="1">
      <alignment horizontal="center" vertical="center"/>
    </xf>
    <xf numFmtId="0" fontId="10" fillId="0" borderId="30" xfId="0" applyFont="1" applyBorder="1" applyAlignment="1">
      <alignment horizontal="center" vertical="center"/>
    </xf>
    <xf numFmtId="0" fontId="10" fillId="0" borderId="12" xfId="0" applyFont="1" applyBorder="1" applyAlignment="1">
      <alignment horizontal="left" vertical="center"/>
    </xf>
    <xf numFmtId="0" fontId="10" fillId="0" borderId="0" xfId="0" applyFont="1" applyBorder="1" applyAlignment="1">
      <alignment horizontal="left" vertical="center"/>
    </xf>
    <xf numFmtId="0" fontId="10" fillId="0" borderId="0" xfId="0" applyFont="1" applyFill="1" applyBorder="1" applyAlignment="1" applyProtection="1">
      <alignment horizontal="left" vertical="center" wrapText="1"/>
      <protection locked="0"/>
    </xf>
    <xf numFmtId="0" fontId="10" fillId="0" borderId="9" xfId="0" applyFont="1" applyFill="1" applyBorder="1" applyAlignment="1" applyProtection="1">
      <alignment horizontal="left" vertical="center"/>
      <protection locked="0"/>
    </xf>
    <xf numFmtId="0" fontId="10" fillId="0" borderId="8" xfId="0" applyFont="1" applyFill="1" applyBorder="1" applyAlignment="1" applyProtection="1">
      <alignment horizontal="left" vertical="center"/>
      <protection locked="0"/>
    </xf>
    <xf numFmtId="0" fontId="10" fillId="5" borderId="6" xfId="0" applyFont="1" applyFill="1" applyBorder="1" applyAlignment="1" applyProtection="1">
      <alignment horizontal="left" vertical="center" wrapText="1"/>
      <protection locked="0"/>
    </xf>
    <xf numFmtId="0" fontId="10" fillId="5" borderId="1" xfId="0" applyFont="1" applyFill="1" applyBorder="1" applyAlignment="1" applyProtection="1">
      <alignment horizontal="left" vertical="center" wrapText="1"/>
      <protection locked="0"/>
    </xf>
    <xf numFmtId="0" fontId="10" fillId="5" borderId="5" xfId="0" applyFont="1" applyFill="1" applyBorder="1" applyAlignment="1" applyProtection="1">
      <alignment horizontal="left" vertical="center" wrapText="1"/>
      <protection locked="0"/>
    </xf>
    <xf numFmtId="0" fontId="10" fillId="0" borderId="6" xfId="0" applyFont="1" applyBorder="1" applyAlignment="1">
      <alignment horizontal="left" vertical="center"/>
    </xf>
    <xf numFmtId="0" fontId="10" fillId="0" borderId="1" xfId="0" applyFont="1" applyBorder="1" applyAlignment="1">
      <alignment horizontal="left" vertical="center"/>
    </xf>
    <xf numFmtId="0" fontId="10" fillId="5" borderId="1" xfId="0" applyFont="1" applyFill="1" applyBorder="1" applyAlignment="1">
      <alignment horizontal="center" vertical="center" wrapText="1"/>
    </xf>
    <xf numFmtId="0" fontId="10" fillId="5" borderId="5" xfId="0" applyFont="1" applyFill="1" applyBorder="1" applyAlignment="1">
      <alignment horizontal="center" vertical="center" wrapText="1"/>
    </xf>
    <xf numFmtId="0" fontId="10" fillId="5" borderId="3" xfId="0" applyFont="1" applyFill="1" applyBorder="1" applyAlignment="1">
      <alignment horizontal="center" vertical="center" wrapText="1"/>
    </xf>
    <xf numFmtId="0" fontId="10" fillId="5" borderId="2" xfId="0" applyFont="1" applyFill="1" applyBorder="1" applyAlignment="1">
      <alignment horizontal="center" vertical="center" wrapText="1"/>
    </xf>
    <xf numFmtId="0" fontId="10" fillId="0" borderId="6" xfId="0" applyFont="1" applyFill="1" applyBorder="1" applyAlignment="1" applyProtection="1">
      <alignment horizontal="left" vertical="center"/>
      <protection locked="0"/>
    </xf>
    <xf numFmtId="0" fontId="10" fillId="0" borderId="1" xfId="0" applyFont="1" applyFill="1" applyBorder="1" applyAlignment="1" applyProtection="1">
      <alignment horizontal="left" vertical="center"/>
      <protection locked="0"/>
    </xf>
    <xf numFmtId="0" fontId="10" fillId="5" borderId="1" xfId="0" applyFont="1" applyFill="1" applyBorder="1" applyAlignment="1" applyProtection="1">
      <alignment horizontal="center" vertical="center" wrapText="1"/>
      <protection locked="0"/>
    </xf>
    <xf numFmtId="0" fontId="10" fillId="5" borderId="5" xfId="0" applyFont="1" applyFill="1" applyBorder="1" applyAlignment="1" applyProtection="1">
      <alignment horizontal="center" vertical="center" wrapText="1"/>
      <protection locked="0"/>
    </xf>
    <xf numFmtId="0" fontId="10" fillId="5" borderId="3" xfId="0" applyFont="1" applyFill="1" applyBorder="1" applyAlignment="1" applyProtection="1">
      <alignment horizontal="center" vertical="center" wrapText="1"/>
      <protection locked="0"/>
    </xf>
    <xf numFmtId="0" fontId="10" fillId="5" borderId="2" xfId="0" applyFont="1" applyFill="1" applyBorder="1" applyAlignment="1" applyProtection="1">
      <alignment horizontal="center" vertical="center" wrapText="1"/>
      <protection locked="0"/>
    </xf>
    <xf numFmtId="0" fontId="10" fillId="0" borderId="7" xfId="0" applyFont="1" applyFill="1" applyBorder="1" applyAlignment="1" applyProtection="1">
      <alignment horizontal="left" vertical="center"/>
      <protection locked="0"/>
    </xf>
    <xf numFmtId="0" fontId="10" fillId="0" borderId="4" xfId="0" applyFont="1" applyFill="1" applyBorder="1" applyAlignment="1" applyProtection="1">
      <alignment horizontal="left" vertical="center" wrapText="1"/>
      <protection locked="0"/>
    </xf>
    <xf numFmtId="0" fontId="10" fillId="0" borderId="3" xfId="0" applyFont="1" applyFill="1" applyBorder="1" applyAlignment="1" applyProtection="1">
      <alignment horizontal="left" vertical="center" wrapText="1"/>
      <protection locked="0"/>
    </xf>
    <xf numFmtId="0" fontId="10" fillId="0" borderId="2" xfId="0" applyFont="1" applyFill="1" applyBorder="1" applyAlignment="1" applyProtection="1">
      <alignment horizontal="left" vertical="center" wrapText="1"/>
      <protection locked="0"/>
    </xf>
    <xf numFmtId="0" fontId="0" fillId="5" borderId="7" xfId="0" applyFill="1" applyBorder="1" applyAlignment="1">
      <alignment vertical="center"/>
    </xf>
    <xf numFmtId="179" fontId="10" fillId="5" borderId="9" xfId="0" applyNumberFormat="1" applyFont="1" applyFill="1" applyBorder="1" applyAlignment="1">
      <alignment vertical="center"/>
    </xf>
    <xf numFmtId="179" fontId="0" fillId="5" borderId="8" xfId="0" applyNumberFormat="1" applyFill="1" applyBorder="1" applyAlignment="1">
      <alignment vertical="center"/>
    </xf>
    <xf numFmtId="179" fontId="0" fillId="5" borderId="7" xfId="0" applyNumberFormat="1" applyFill="1" applyBorder="1" applyAlignment="1">
      <alignment vertical="center"/>
    </xf>
    <xf numFmtId="0" fontId="10" fillId="0" borderId="11" xfId="0" applyFont="1" applyBorder="1" applyAlignment="1">
      <alignment horizontal="center" vertical="center"/>
    </xf>
    <xf numFmtId="0" fontId="10" fillId="0" borderId="2" xfId="0" applyFont="1" applyBorder="1" applyAlignment="1">
      <alignment horizontal="center" vertical="center"/>
    </xf>
    <xf numFmtId="0" fontId="10" fillId="5" borderId="9" xfId="0" applyFont="1" applyFill="1" applyBorder="1" applyAlignment="1" applyProtection="1">
      <alignment horizontal="center" vertical="center"/>
      <protection locked="0"/>
    </xf>
    <xf numFmtId="0" fontId="10" fillId="5" borderId="8" xfId="0" applyFont="1" applyFill="1" applyBorder="1" applyAlignment="1" applyProtection="1">
      <alignment horizontal="center" vertical="center"/>
      <protection locked="0"/>
    </xf>
    <xf numFmtId="0" fontId="10" fillId="0" borderId="8" xfId="0" applyFont="1" applyBorder="1" applyAlignment="1">
      <alignment vertical="center"/>
    </xf>
    <xf numFmtId="0" fontId="10" fillId="0" borderId="7" xfId="0" applyFont="1" applyBorder="1" applyAlignment="1">
      <alignment vertical="center"/>
    </xf>
    <xf numFmtId="0" fontId="36" fillId="5" borderId="9" xfId="0" applyFont="1" applyFill="1" applyBorder="1" applyAlignment="1" applyProtection="1">
      <alignment horizontal="center" vertical="center"/>
      <protection locked="0"/>
    </xf>
    <xf numFmtId="0" fontId="36" fillId="5" borderId="8" xfId="0" applyFont="1" applyFill="1" applyBorder="1" applyAlignment="1" applyProtection="1">
      <alignment horizontal="center" vertical="center"/>
      <protection locked="0"/>
    </xf>
    <xf numFmtId="0" fontId="36" fillId="5" borderId="7" xfId="0" applyFont="1" applyFill="1" applyBorder="1" applyAlignment="1" applyProtection="1">
      <alignment horizontal="center" vertical="center"/>
      <protection locked="0"/>
    </xf>
    <xf numFmtId="0" fontId="10" fillId="0" borderId="9" xfId="0" applyFont="1" applyBorder="1" applyAlignment="1">
      <alignment horizontal="center" vertical="center"/>
    </xf>
    <xf numFmtId="0" fontId="10" fillId="0" borderId="8" xfId="0" applyFont="1" applyBorder="1" applyAlignment="1">
      <alignment horizontal="center" vertical="center"/>
    </xf>
    <xf numFmtId="0" fontId="9" fillId="5" borderId="8" xfId="0" applyFont="1" applyFill="1" applyBorder="1" applyAlignment="1">
      <alignment horizontal="left" vertical="center" wrapText="1"/>
    </xf>
    <xf numFmtId="0" fontId="10" fillId="0" borderId="6" xfId="0" applyFont="1" applyFill="1" applyBorder="1" applyAlignment="1" applyProtection="1">
      <alignment horizontal="left" vertical="center" wrapText="1"/>
      <protection locked="0"/>
    </xf>
    <xf numFmtId="0" fontId="10" fillId="0" borderId="1" xfId="0" applyFont="1" applyFill="1" applyBorder="1" applyAlignment="1" applyProtection="1">
      <alignment horizontal="left" vertical="center" wrapText="1"/>
      <protection locked="0"/>
    </xf>
    <xf numFmtId="0" fontId="10" fillId="0" borderId="5" xfId="0" applyFont="1" applyFill="1" applyBorder="1" applyAlignment="1" applyProtection="1">
      <alignment horizontal="left" vertical="center" wrapText="1"/>
      <protection locked="0"/>
    </xf>
    <xf numFmtId="0" fontId="19" fillId="0" borderId="0" xfId="8" applyFont="1" applyAlignment="1">
      <alignment horizontal="left" vertical="center" wrapText="1"/>
    </xf>
    <xf numFmtId="0" fontId="20" fillId="0" borderId="0" xfId="8" applyFont="1" applyAlignment="1">
      <alignment horizontal="center" vertical="center" wrapText="1"/>
    </xf>
    <xf numFmtId="0" fontId="22" fillId="0" borderId="0" xfId="8" applyFont="1" applyAlignment="1">
      <alignment horizontal="center" vertical="center" wrapText="1"/>
    </xf>
    <xf numFmtId="0" fontId="19" fillId="0" borderId="0" xfId="8" applyAlignment="1">
      <alignment horizontal="center" vertical="center"/>
    </xf>
    <xf numFmtId="0" fontId="19" fillId="5" borderId="0" xfId="8" applyFill="1" applyAlignment="1">
      <alignment horizontal="left" vertical="center"/>
    </xf>
    <xf numFmtId="0" fontId="19" fillId="5" borderId="0" xfId="8" applyFill="1" applyAlignment="1">
      <alignment horizontal="left" vertical="top" wrapText="1"/>
    </xf>
    <xf numFmtId="0" fontId="9" fillId="5" borderId="0" xfId="11" applyFont="1" applyFill="1" applyAlignment="1">
      <alignment horizontal="left" vertical="center" wrapText="1"/>
    </xf>
    <xf numFmtId="0" fontId="9" fillId="0" borderId="0" xfId="11" applyFont="1" applyFill="1" applyAlignment="1">
      <alignment vertical="center" wrapText="1"/>
    </xf>
    <xf numFmtId="0" fontId="34" fillId="0" borderId="0" xfId="11" applyFont="1" applyFill="1" applyAlignment="1">
      <alignment horizontal="center" vertical="center"/>
    </xf>
    <xf numFmtId="0" fontId="9" fillId="0" borderId="16" xfId="11" applyFont="1" applyFill="1" applyBorder="1" applyAlignment="1">
      <alignment horizontal="center" wrapText="1"/>
    </xf>
    <xf numFmtId="0" fontId="3" fillId="5" borderId="0" xfId="9" applyFont="1" applyFill="1" applyAlignment="1">
      <alignment horizontal="left" vertical="top" wrapText="1"/>
    </xf>
    <xf numFmtId="0" fontId="6" fillId="5" borderId="0" xfId="9" applyFill="1" applyAlignment="1">
      <alignment horizontal="left" vertical="top" wrapText="1"/>
    </xf>
    <xf numFmtId="0" fontId="6" fillId="0" borderId="16" xfId="9" applyBorder="1" applyAlignment="1">
      <alignment horizontal="center" vertical="center"/>
    </xf>
    <xf numFmtId="178" fontId="6" fillId="0" borderId="16" xfId="9" applyNumberFormat="1" applyBorder="1" applyAlignment="1">
      <alignment horizontal="center" vertical="center"/>
    </xf>
    <xf numFmtId="0" fontId="19" fillId="0" borderId="16" xfId="9" applyFont="1" applyBorder="1" applyAlignment="1">
      <alignment horizontal="center" vertical="center" wrapText="1"/>
    </xf>
    <xf numFmtId="0" fontId="29" fillId="0" borderId="16" xfId="9" applyFont="1" applyBorder="1" applyAlignment="1">
      <alignment horizontal="center" vertical="center"/>
    </xf>
    <xf numFmtId="0" fontId="6" fillId="4" borderId="16" xfId="9" applyFill="1" applyBorder="1" applyAlignment="1">
      <alignment horizontal="left" vertical="center"/>
    </xf>
    <xf numFmtId="180" fontId="6" fillId="5" borderId="9" xfId="9" applyNumberFormat="1" applyFill="1" applyBorder="1" applyAlignment="1">
      <alignment horizontal="left" vertical="center"/>
    </xf>
    <xf numFmtId="180" fontId="6" fillId="5" borderId="8" xfId="9" applyNumberFormat="1" applyFill="1" applyBorder="1" applyAlignment="1">
      <alignment horizontal="left" vertical="center"/>
    </xf>
    <xf numFmtId="180" fontId="6" fillId="5" borderId="7" xfId="9" applyNumberFormat="1" applyFill="1" applyBorder="1" applyAlignment="1">
      <alignment horizontal="left" vertical="center"/>
    </xf>
    <xf numFmtId="0" fontId="6" fillId="0" borderId="0" xfId="9" applyAlignment="1">
      <alignment horizontal="center" vertical="center"/>
    </xf>
    <xf numFmtId="177" fontId="3" fillId="5" borderId="16" xfId="9" applyNumberFormat="1" applyFont="1" applyFill="1" applyBorder="1" applyAlignment="1">
      <alignment horizontal="left" vertical="top" wrapText="1"/>
    </xf>
    <xf numFmtId="177" fontId="6" fillId="5" borderId="16" xfId="9" applyNumberFormat="1" applyFill="1" applyBorder="1" applyAlignment="1">
      <alignment horizontal="left" vertical="top" wrapText="1"/>
    </xf>
    <xf numFmtId="0" fontId="6" fillId="0" borderId="0" xfId="9" applyAlignment="1">
      <alignment horizontal="right" vertical="center" shrinkToFit="1"/>
    </xf>
    <xf numFmtId="0" fontId="3" fillId="5" borderId="8" xfId="9" applyFont="1" applyFill="1" applyBorder="1" applyAlignment="1">
      <alignment horizontal="center" vertical="center" shrinkToFit="1"/>
    </xf>
    <xf numFmtId="0" fontId="6" fillId="5" borderId="8" xfId="9" applyFill="1" applyBorder="1" applyAlignment="1">
      <alignment horizontal="center" vertical="center" shrinkToFit="1"/>
    </xf>
    <xf numFmtId="0" fontId="6" fillId="0" borderId="0" xfId="9" applyAlignment="1">
      <alignment horizontal="left" vertical="center" wrapText="1"/>
    </xf>
    <xf numFmtId="0" fontId="20" fillId="0" borderId="0" xfId="9" applyFont="1" applyAlignment="1">
      <alignment horizontal="center" vertical="center" shrinkToFit="1"/>
    </xf>
    <xf numFmtId="0" fontId="6" fillId="0" borderId="0" xfId="9" applyAlignment="1">
      <alignment vertical="center" shrinkToFit="1"/>
    </xf>
    <xf numFmtId="177" fontId="2" fillId="5" borderId="0" xfId="9" applyNumberFormat="1" applyFont="1" applyFill="1" applyAlignment="1">
      <alignment horizontal="left" vertical="center"/>
    </xf>
    <xf numFmtId="177" fontId="6" fillId="5" borderId="0" xfId="9" applyNumberFormat="1" applyFill="1" applyAlignment="1">
      <alignment horizontal="left" vertical="center"/>
    </xf>
    <xf numFmtId="0" fontId="6" fillId="0" borderId="0" xfId="9" applyAlignment="1">
      <alignment horizontal="right" vertical="center"/>
    </xf>
    <xf numFmtId="0" fontId="3" fillId="5" borderId="3" xfId="9" applyFont="1" applyFill="1" applyBorder="1" applyAlignment="1">
      <alignment horizontal="center" vertical="center" shrinkToFit="1"/>
    </xf>
    <xf numFmtId="0" fontId="6" fillId="5" borderId="3" xfId="9" applyFill="1" applyBorder="1" applyAlignment="1">
      <alignment horizontal="center" vertical="center" shrinkToFit="1"/>
    </xf>
    <xf numFmtId="0" fontId="6" fillId="0" borderId="0" xfId="9" applyAlignment="1">
      <alignment horizontal="left"/>
    </xf>
    <xf numFmtId="0" fontId="3" fillId="5" borderId="0" xfId="9" applyFont="1" applyFill="1" applyAlignment="1">
      <alignment vertical="center" wrapText="1"/>
    </xf>
    <xf numFmtId="0" fontId="6" fillId="5" borderId="0" xfId="9" applyFill="1" applyAlignment="1">
      <alignment vertical="center" wrapText="1"/>
    </xf>
    <xf numFmtId="0" fontId="6" fillId="0" borderId="25" xfId="9" applyBorder="1" applyAlignment="1">
      <alignment horizontal="left" vertical="top" wrapText="1"/>
    </xf>
    <xf numFmtId="0" fontId="6" fillId="0" borderId="28" xfId="9" applyBorder="1" applyAlignment="1">
      <alignment horizontal="left" vertical="top" wrapText="1"/>
    </xf>
    <xf numFmtId="0" fontId="6" fillId="0" borderId="23" xfId="9" applyBorder="1" applyAlignment="1">
      <alignment horizontal="left" vertical="top" wrapText="1"/>
    </xf>
    <xf numFmtId="0" fontId="6" fillId="0" borderId="9" xfId="9" applyFill="1" applyBorder="1" applyAlignment="1">
      <alignment horizontal="center" vertical="center" wrapText="1"/>
    </xf>
    <xf numFmtId="0" fontId="6" fillId="0" borderId="8" xfId="9" applyFill="1" applyBorder="1" applyAlignment="1">
      <alignment horizontal="center" vertical="center" wrapText="1"/>
    </xf>
    <xf numFmtId="0" fontId="6" fillId="0" borderId="7" xfId="9" applyFill="1" applyBorder="1" applyAlignment="1">
      <alignment horizontal="center" vertical="center" wrapText="1"/>
    </xf>
    <xf numFmtId="0" fontId="3" fillId="0" borderId="9" xfId="9" applyFont="1" applyFill="1" applyBorder="1" applyAlignment="1">
      <alignment vertical="center" wrapText="1"/>
    </xf>
    <xf numFmtId="0" fontId="6" fillId="0" borderId="8" xfId="9" applyFill="1" applyBorder="1" applyAlignment="1">
      <alignment vertical="center" wrapText="1"/>
    </xf>
    <xf numFmtId="0" fontId="6" fillId="0" borderId="7" xfId="9" applyFill="1" applyBorder="1" applyAlignment="1">
      <alignment vertical="center" wrapText="1"/>
    </xf>
    <xf numFmtId="0" fontId="3" fillId="0" borderId="9" xfId="9" applyFont="1" applyFill="1" applyBorder="1" applyAlignment="1">
      <alignment horizontal="center" vertical="center" wrapText="1"/>
    </xf>
    <xf numFmtId="0" fontId="6" fillId="0" borderId="0" xfId="9" applyAlignment="1">
      <alignment vertical="center"/>
    </xf>
    <xf numFmtId="0" fontId="5" fillId="0" borderId="0" xfId="9" applyFont="1" applyAlignment="1">
      <alignment horizontal="left" vertical="center" wrapText="1"/>
    </xf>
    <xf numFmtId="0" fontId="5" fillId="0" borderId="9" xfId="9" applyFont="1" applyBorder="1" applyAlignment="1">
      <alignment horizontal="center" vertical="center"/>
    </xf>
    <xf numFmtId="0" fontId="6" fillId="0" borderId="8" xfId="9" applyBorder="1" applyAlignment="1">
      <alignment horizontal="center" vertical="center"/>
    </xf>
    <xf numFmtId="0" fontId="6" fillId="0" borderId="7" xfId="9" applyBorder="1" applyAlignment="1">
      <alignment horizontal="center" vertical="center"/>
    </xf>
    <xf numFmtId="0" fontId="6" fillId="0" borderId="0" xfId="9" applyNumberFormat="1" applyAlignment="1">
      <alignment horizontal="center"/>
    </xf>
    <xf numFmtId="0" fontId="3" fillId="5" borderId="9" xfId="9" applyFont="1" applyFill="1" applyBorder="1" applyAlignment="1">
      <alignment horizontal="center" vertical="center" wrapText="1"/>
    </xf>
    <xf numFmtId="0" fontId="6" fillId="5" borderId="8" xfId="9" applyFill="1" applyBorder="1" applyAlignment="1">
      <alignment horizontal="center" vertical="center" wrapText="1"/>
    </xf>
    <xf numFmtId="0" fontId="6" fillId="5" borderId="7" xfId="9" applyFill="1" applyBorder="1" applyAlignment="1">
      <alignment horizontal="center" vertical="center" wrapText="1"/>
    </xf>
    <xf numFmtId="0" fontId="3" fillId="5" borderId="9" xfId="9" applyFont="1" applyFill="1" applyBorder="1" applyAlignment="1">
      <alignment vertical="center" wrapText="1"/>
    </xf>
    <xf numFmtId="0" fontId="6" fillId="5" borderId="8" xfId="9" applyFill="1" applyBorder="1" applyAlignment="1">
      <alignment vertical="center" wrapText="1"/>
    </xf>
    <xf numFmtId="0" fontId="6" fillId="5" borderId="7" xfId="9" applyFill="1" applyBorder="1" applyAlignment="1">
      <alignment vertical="center" wrapText="1"/>
    </xf>
    <xf numFmtId="49" fontId="6" fillId="0" borderId="20" xfId="9" applyNumberFormat="1" applyBorder="1" applyAlignment="1">
      <alignment horizontal="center"/>
    </xf>
    <xf numFmtId="49" fontId="6" fillId="0" borderId="24" xfId="9" applyNumberFormat="1" applyBorder="1" applyAlignment="1">
      <alignment horizontal="center"/>
    </xf>
    <xf numFmtId="49" fontId="6" fillId="0" borderId="21" xfId="9" applyNumberFormat="1" applyBorder="1" applyAlignment="1">
      <alignment horizontal="center"/>
    </xf>
    <xf numFmtId="177" fontId="6" fillId="5" borderId="0" xfId="9" applyNumberFormat="1" applyFill="1" applyAlignment="1">
      <alignment horizontal="center"/>
    </xf>
    <xf numFmtId="0" fontId="6" fillId="0" borderId="0" xfId="9" applyAlignment="1">
      <alignment horizontal="center"/>
    </xf>
    <xf numFmtId="0" fontId="3" fillId="5" borderId="0" xfId="9" applyFont="1" applyFill="1" applyAlignment="1">
      <alignment wrapText="1"/>
    </xf>
    <xf numFmtId="0" fontId="6" fillId="5" borderId="0" xfId="9" applyFill="1" applyAlignment="1">
      <alignment wrapText="1"/>
    </xf>
    <xf numFmtId="0" fontId="6" fillId="0" borderId="0" xfId="9" applyAlignment="1">
      <alignment horizontal="right" shrinkToFit="1"/>
    </xf>
    <xf numFmtId="0" fontId="3" fillId="5" borderId="8" xfId="9" applyFont="1" applyFill="1" applyBorder="1" applyAlignment="1">
      <alignment horizontal="center" shrinkToFit="1"/>
    </xf>
    <xf numFmtId="0" fontId="6" fillId="5" borderId="8" xfId="9" applyFill="1" applyBorder="1" applyAlignment="1">
      <alignment horizontal="center" shrinkToFit="1"/>
    </xf>
    <xf numFmtId="0" fontId="6" fillId="0" borderId="0" xfId="9" applyAlignment="1">
      <alignment horizontal="left" wrapText="1"/>
    </xf>
    <xf numFmtId="0" fontId="31" fillId="0" borderId="3" xfId="9" applyFont="1" applyBorder="1" applyAlignment="1">
      <alignment horizontal="center"/>
    </xf>
    <xf numFmtId="0" fontId="6" fillId="0" borderId="9" xfId="9" applyBorder="1" applyAlignment="1">
      <alignment horizontal="center" vertical="center"/>
    </xf>
    <xf numFmtId="0" fontId="6" fillId="0" borderId="0" xfId="9" applyAlignment="1">
      <alignment horizontal="right"/>
    </xf>
    <xf numFmtId="0" fontId="3" fillId="5" borderId="3" xfId="9" applyFont="1" applyFill="1" applyBorder="1" applyAlignment="1">
      <alignment horizontal="center" shrinkToFit="1"/>
    </xf>
    <xf numFmtId="0" fontId="6" fillId="5" borderId="3" xfId="9" applyFill="1" applyBorder="1" applyAlignment="1">
      <alignment horizontal="center" shrinkToFit="1"/>
    </xf>
    <xf numFmtId="0" fontId="20" fillId="0" borderId="0" xfId="9" applyFont="1" applyAlignment="1">
      <alignment horizontal="center" shrinkToFit="1"/>
    </xf>
    <xf numFmtId="177" fontId="1" fillId="5" borderId="0" xfId="9" applyNumberFormat="1" applyFont="1" applyFill="1" applyAlignment="1">
      <alignment horizontal="center"/>
    </xf>
  </cellXfs>
  <cellStyles count="13">
    <cellStyle name="ハイパーリンク" xfId="12" builtinId="8"/>
    <cellStyle name="桁区切り 2 10" xfId="2" xr:uid="{00000000-0005-0000-0000-000001000000}"/>
    <cellStyle name="標準" xfId="0" builtinId="0"/>
    <cellStyle name="標準 2" xfId="1" xr:uid="{00000000-0005-0000-0000-000003000000}"/>
    <cellStyle name="標準 2 2" xfId="3" xr:uid="{00000000-0005-0000-0000-000004000000}"/>
    <cellStyle name="標準 2 3" xfId="4" xr:uid="{00000000-0005-0000-0000-000005000000}"/>
    <cellStyle name="標準 2 4" xfId="7" xr:uid="{00000000-0005-0000-0000-000006000000}"/>
    <cellStyle name="標準 2 5" xfId="10" xr:uid="{00000000-0005-0000-0000-000007000000}"/>
    <cellStyle name="標準 3" xfId="6" xr:uid="{00000000-0005-0000-0000-000008000000}"/>
    <cellStyle name="標準 4" xfId="5" xr:uid="{00000000-0005-0000-0000-000009000000}"/>
    <cellStyle name="標準 5" xfId="8" xr:uid="{00000000-0005-0000-0000-00000A000000}"/>
    <cellStyle name="標準 6" xfId="9" xr:uid="{00000000-0005-0000-0000-00000B000000}"/>
    <cellStyle name="標準 7" xfId="11" xr:uid="{00000000-0005-0000-0000-00000C000000}"/>
  </cellStyles>
  <dxfs count="1">
    <dxf>
      <font>
        <color auto="1"/>
      </font>
      <fill>
        <patternFill>
          <bgColor rgb="FFFFFF00"/>
        </patternFill>
      </fill>
    </dxf>
  </dxfs>
  <tableStyles count="0" defaultTableStyle="TableStyleMedium2" defaultPivotStyle="PivotStyleLight16"/>
  <colors>
    <mruColors>
      <color rgb="FFFFE299"/>
      <color rgb="FFFFCC66"/>
      <color rgb="FFFFCC99"/>
      <color rgb="FFFFFF66"/>
      <color rgb="FFFFFF99"/>
      <color rgb="FFCC0000"/>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4.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9</xdr:col>
      <xdr:colOff>0</xdr:colOff>
      <xdr:row>4</xdr:row>
      <xdr:rowOff>0</xdr:rowOff>
    </xdr:from>
    <xdr:to>
      <xdr:col>20</xdr:col>
      <xdr:colOff>0</xdr:colOff>
      <xdr:row>5</xdr:row>
      <xdr:rowOff>0</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6057900" y="259080"/>
          <a:ext cx="617220" cy="281940"/>
        </a:xfrm>
        <a:prstGeom prst="rect">
          <a:avLst/>
        </a:prstGeom>
        <a:solidFill>
          <a:srgbClr val="FFE299"/>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28575</xdr:colOff>
      <xdr:row>27</xdr:row>
      <xdr:rowOff>0</xdr:rowOff>
    </xdr:from>
    <xdr:to>
      <xdr:col>16</xdr:col>
      <xdr:colOff>104775</xdr:colOff>
      <xdr:row>32</xdr:row>
      <xdr:rowOff>56030</xdr:rowOff>
    </xdr:to>
    <xdr:sp macro="" textlink="">
      <xdr:nvSpPr>
        <xdr:cNvPr id="2" name="大かっこ 1">
          <a:extLst>
            <a:ext uri="{FF2B5EF4-FFF2-40B4-BE49-F238E27FC236}">
              <a16:creationId xmlns:a16="http://schemas.microsoft.com/office/drawing/2014/main" id="{00000000-0008-0000-0500-000002000000}"/>
            </a:ext>
          </a:extLst>
        </xdr:cNvPr>
        <xdr:cNvSpPr/>
      </xdr:nvSpPr>
      <xdr:spPr>
        <a:xfrm>
          <a:off x="4021455" y="8923020"/>
          <a:ext cx="2301240" cy="1389530"/>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3" name="大かっこ 2">
          <a:extLst>
            <a:ext uri="{FF2B5EF4-FFF2-40B4-BE49-F238E27FC236}">
              <a16:creationId xmlns:a16="http://schemas.microsoft.com/office/drawing/2014/main" id="{00000000-0008-0000-0600-000003000000}"/>
            </a:ext>
          </a:extLst>
        </xdr:cNvPr>
        <xdr:cNvSpPr/>
      </xdr:nvSpPr>
      <xdr:spPr>
        <a:xfrm>
          <a:off x="4265295" y="8378190"/>
          <a:ext cx="2301240" cy="133349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3" name="大かっこ 2">
          <a:extLst>
            <a:ext uri="{FF2B5EF4-FFF2-40B4-BE49-F238E27FC236}">
              <a16:creationId xmlns:a16="http://schemas.microsoft.com/office/drawing/2014/main" id="{00000000-0008-0000-0700-000003000000}"/>
            </a:ext>
          </a:extLst>
        </xdr:cNvPr>
        <xdr:cNvSpPr/>
      </xdr:nvSpPr>
      <xdr:spPr>
        <a:xfrm>
          <a:off x="4189095" y="7821930"/>
          <a:ext cx="2301240" cy="133349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26481;&#20140;&#37117;&#22320;&#29699;&#28201;&#26262;&#21270;&#38450;&#27490;&#27963;&#21205;&#25512;&#36914;&#12475;&#12531;&#12479;&#12540;\&#21109;&#12456;&#12493;&#25903;&#25588;&#12481;&#12540;&#12512;\&#65320;&#65298;&#65304;\&#22320;&#29987;&#22320;&#28040;&#22411;&#20877;&#29983;&#21487;&#33021;&#12456;&#12493;&#12523;&#12462;&#12540;&#23566;&#20837;&#25313;&#22823;&#20107;&#26989;\SII_&#20877;&#29983;&#21487;&#33021;&#12456;&#12493;&#12523;&#12462;&#12540;&#20107;&#26989;&#32773;&#25903;&#25588;&#20107;&#26989;&#36027;&#35036;&#21161;&#37329;\SII_H28&#23455;&#26045;&#35336;&#30011;&#26360;&#31561;&#65288;&#30330;&#38651;&#35373;&#20633;&#21450;&#12403;&#33988;&#38651;&#27744;&#21033;&#29992;&#65289;28ts_d_koufu06-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26481;&#20140;&#37117;&#22320;&#29699;&#28201;&#26262;&#21270;&#38450;&#27490;&#27963;&#21205;&#25512;&#36914;&#12475;&#12531;&#12479;&#12540;\&#21109;&#12456;&#12493;&#25903;&#25588;&#12481;&#12540;&#12512;\&#65320;&#65298;&#65305;\&#22320;&#29987;&#22320;&#28040;&#22411;&#20877;&#29983;&#21487;&#33021;&#12456;&#12493;&#12523;&#12462;&#12540;&#23566;&#20837;&#25313;&#22823;&#20107;&#26989;\04_&#20132;&#20184;&#35201;&#32177;\29&#24180;&#24230;&#20844;&#21215;_&#35201;&#32177;&#21046;&#23450;_&#37117;&#25215;&#35469;&#30003;&#35531;\&#31532;2&#22238;_&#27096;&#24335;\&#30906;&#23450;&#29256;\29&#27096;&#24335;1&#65374;4&#12288;&#20132;&#20184;&#30003;&#35531;&#26360;&#39006;&#19968;&#24335;.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masaki-r\Desktop\&#27096;&#24335;1-2%20&#20132;&#20184;&#30003;&#35531;&#26360;&#39006;&#19968;&#24335;.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5sv3\&#12463;&#12540;&#12523;&#12493;&#12483;&#12488;&#20849;&#26377;\Users\center-96-pc\Documents\&#12467;&#12472;&#12455;&#12493;&#38306;&#20418;\&#35201;&#32177;\&#31532;16&#21495;&#27096;&#24335;%20&#21161;&#25104;&#20107;&#26989;&#23455;&#26045;&#35336;&#30011;&#26360;(&#21407;&#32025;)H2504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作成手順"/>
      <sheetName val="汎用入力規則リスト"/>
      <sheetName val="データ参照シート"/>
      <sheetName val="チェックリスト"/>
      <sheetName val="（別紙3）役員名簿"/>
      <sheetName val="3-1実施計画概要（発電）"/>
      <sheetName val="3-2　設備導入事業経費の配分（当年度）（発電）"/>
      <sheetName val="3-2　設備導入事業経費の配分（他年度１）（発電）"/>
      <sheetName val="3-2　設備導入事業経費の配分（他年度２）（発電）"/>
      <sheetName val="3-2　設備導入事業経費の配分（他年度３）（発電）"/>
      <sheetName val="3-2　設備導入事業経費の配分（総計）（発電）"/>
      <sheetName val="3-4　補助事業に要する経費及びその調達方法"/>
      <sheetName val="3-6　発電単価の算定について"/>
      <sheetName val="3-7　設備及び導入効果（太陽光発電）"/>
      <sheetName val="3-7　設備及び導入効果（風力発電）"/>
      <sheetName val="3-7　設備及び導入効果（バイオマス発電）"/>
      <sheetName val="3-7　設備及び導入効果（水力発電）"/>
      <sheetName val="3-7　設備及び導入効果（地熱発電）"/>
      <sheetName val="3-8　補助対象設備の機器リスト"/>
      <sheetName val="3-18　バイオマス依存率(熱利用)"/>
      <sheetName val="3-24　事業実施に関連する事項（発電）"/>
      <sheetName val="3-25　事業実施体制"/>
      <sheetName val="3-26　事業実施予定スケジュール"/>
      <sheetName val="【参考】日本標準産業中分類"/>
    </sheetNames>
    <sheetDataSet>
      <sheetData sheetId="0"/>
      <sheetData sheetId="1"/>
      <sheetData sheetId="2">
        <row r="2">
          <cell r="B2">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日本標準産業中分類"/>
      <sheetName val="記載要領"/>
      <sheetName val="基本情報"/>
      <sheetName val="第1号"/>
      <sheetName val="第2号"/>
      <sheetName val="第3号"/>
      <sheetName val="第4（太陽光）"/>
      <sheetName val="第4（風力)"/>
      <sheetName val="第4（水力)"/>
      <sheetName val="第4（地熱)"/>
      <sheetName val="第4（ﾊﾞｲｵﾏｽ発電)"/>
      <sheetName val="第4（太陽熱)"/>
      <sheetName val="第4（温度差熱)"/>
      <sheetName val="第4（地中熱)"/>
      <sheetName val="第4（ﾊﾞｲｵﾏｽ熱)"/>
      <sheetName val="別紙1"/>
      <sheetName val="別紙2"/>
      <sheetName val="別紙3"/>
      <sheetName val="別紙3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日本標準産業中分類"/>
      <sheetName val="記載要領"/>
      <sheetName val="基本情報"/>
      <sheetName val="第1号"/>
      <sheetName val="第2号"/>
      <sheetName val="第3号"/>
      <sheetName val="第4（太陽光）"/>
      <sheetName val="第4（風力)"/>
      <sheetName val="第4（水力)"/>
      <sheetName val="第4（地熱)"/>
      <sheetName val="第4（ﾊﾞｲｵﾏｽ発電)"/>
      <sheetName val="第4（太陽熱)"/>
      <sheetName val="第4（温度差熱)"/>
      <sheetName val="第4（地中熱)"/>
      <sheetName val="第4（ﾊﾞｲｵﾏｽ熱)"/>
      <sheetName val="別紙1"/>
      <sheetName val="別紙2"/>
      <sheetName val="別紙3"/>
      <sheetName val="別紙3 (2)"/>
    </sheetNames>
    <sheetDataSet>
      <sheetData sheetId="0" refreshError="1"/>
      <sheetData sheetId="1" refreshError="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載・印刷要領"/>
      <sheetName val="基本情報"/>
      <sheetName val="横変換"/>
      <sheetName val="業種リスト"/>
      <sheetName val="建物分類"/>
      <sheetName val="対策"/>
      <sheetName val="１"/>
      <sheetName val="17-1"/>
      <sheetName val="17-2"/>
      <sheetName val="17-3"/>
      <sheetName val="17-4"/>
      <sheetName val="17-5-1"/>
      <sheetName val="15-5-2"/>
      <sheetName val="15-6"/>
      <sheetName val="15-7"/>
      <sheetName val="15-8"/>
      <sheetName val="15-9"/>
      <sheetName val="15別1-1"/>
      <sheetName val="15別1-2"/>
      <sheetName val="15別1-3"/>
      <sheetName val="15別1-4"/>
      <sheetName val="15別1-5"/>
      <sheetName val="15別1-6"/>
      <sheetName val="15別2"/>
      <sheetName val="15別3-1"/>
      <sheetName val="15別3-2"/>
      <sheetName val="15別3-3"/>
      <sheetName val="15別4-1"/>
      <sheetName val="15別4-2"/>
      <sheetName val="15別5"/>
    </sheetNames>
    <sheetDataSet>
      <sheetData sheetId="0"/>
      <sheetData sheetId="1"/>
      <sheetData sheetId="2"/>
      <sheetData sheetId="3"/>
      <sheetData sheetId="4"/>
      <sheetData sheetId="5">
        <row r="2">
          <cell r="K2" t="str">
            <v>①製造業</v>
          </cell>
        </row>
        <row r="3">
          <cell r="K3" t="str">
            <v>①建設業</v>
          </cell>
        </row>
        <row r="4">
          <cell r="K4" t="str">
            <v>①運輸業</v>
          </cell>
        </row>
        <row r="5">
          <cell r="K5" t="str">
            <v>①その他</v>
          </cell>
        </row>
        <row r="6">
          <cell r="K6" t="str">
            <v>②卸売業</v>
          </cell>
        </row>
        <row r="7">
          <cell r="K7" t="str">
            <v>③サービス業</v>
          </cell>
        </row>
        <row r="8">
          <cell r="K8" t="str">
            <v>④小売業</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4.bin"/><Relationship Id="rId1" Type="http://schemas.openxmlformats.org/officeDocument/2006/relationships/printerSettings" Target="../printerSettings/printerSettings1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U36"/>
  <sheetViews>
    <sheetView showZeros="0" view="pageBreakPreview" zoomScaleNormal="115" zoomScaleSheetLayoutView="100" workbookViewId="0">
      <selection activeCell="B26" sqref="B26"/>
    </sheetView>
  </sheetViews>
  <sheetFormatPr defaultColWidth="9" defaultRowHeight="13.2"/>
  <cols>
    <col min="1" max="1" width="1.6640625" style="43" customWidth="1"/>
    <col min="2" max="2" width="0.88671875" style="43" customWidth="1"/>
    <col min="3" max="3" width="2.6640625" style="43" customWidth="1"/>
    <col min="4" max="4" width="0.88671875" style="43" customWidth="1"/>
    <col min="5" max="5" width="13.6640625" style="43" customWidth="1"/>
    <col min="6" max="6" width="11.44140625" style="43" customWidth="1"/>
    <col min="7" max="7" width="0.77734375" style="43" customWidth="1"/>
    <col min="8" max="8" width="11.109375" style="43" customWidth="1"/>
    <col min="9" max="9" width="9.109375" style="43" customWidth="1"/>
    <col min="10" max="11" width="4.88671875" style="43" customWidth="1"/>
    <col min="12" max="12" width="4.6640625" style="43" customWidth="1"/>
    <col min="13" max="17" width="4.6640625" style="44" customWidth="1"/>
    <col min="18" max="18" width="1.33203125" style="44" customWidth="1"/>
    <col min="19" max="19" width="1.33203125" style="43" customWidth="1"/>
    <col min="20" max="20" width="10.6640625" style="43" customWidth="1"/>
    <col min="21" max="16384" width="9" style="43"/>
  </cols>
  <sheetData>
    <row r="1" spans="1:21" ht="15" customHeight="1">
      <c r="A1" s="145" t="s">
        <v>21</v>
      </c>
    </row>
    <row r="2" spans="1:21" ht="7.5" customHeight="1">
      <c r="A2" s="15"/>
      <c r="B2" s="15"/>
      <c r="E2" s="15"/>
      <c r="F2" s="15"/>
      <c r="G2" s="15"/>
      <c r="H2" s="15"/>
      <c r="I2" s="15"/>
      <c r="J2" s="15"/>
      <c r="K2" s="45"/>
      <c r="L2" s="45"/>
      <c r="M2" s="46"/>
      <c r="N2" s="46"/>
      <c r="O2" s="46"/>
      <c r="P2" s="46"/>
      <c r="Q2" s="46"/>
      <c r="R2" s="47"/>
      <c r="T2" s="44"/>
    </row>
    <row r="3" spans="1:21">
      <c r="A3" s="15"/>
      <c r="B3" s="15"/>
      <c r="E3" s="48"/>
      <c r="F3" s="49"/>
      <c r="G3" s="49"/>
      <c r="H3" s="49"/>
      <c r="I3" s="49"/>
      <c r="K3" s="50" t="s">
        <v>28</v>
      </c>
      <c r="L3" s="176"/>
      <c r="M3" s="51" t="s">
        <v>12</v>
      </c>
      <c r="N3" s="175"/>
      <c r="O3" s="52" t="s">
        <v>79</v>
      </c>
      <c r="P3" s="175"/>
      <c r="Q3" s="52" t="s">
        <v>80</v>
      </c>
      <c r="R3" s="47"/>
      <c r="T3" s="53"/>
    </row>
    <row r="4" spans="1:21" ht="9" customHeight="1">
      <c r="A4" s="15"/>
      <c r="B4" s="15"/>
      <c r="E4" s="48"/>
      <c r="F4" s="49"/>
      <c r="G4" s="49"/>
      <c r="H4" s="49"/>
      <c r="I4" s="49"/>
      <c r="J4" s="51"/>
      <c r="K4" s="51"/>
      <c r="L4" s="54"/>
      <c r="M4" s="51"/>
      <c r="N4" s="54"/>
      <c r="O4" s="55"/>
      <c r="P4" s="54"/>
      <c r="Q4" s="52"/>
      <c r="R4" s="47"/>
    </row>
    <row r="5" spans="1:21">
      <c r="A5" s="15" t="s">
        <v>27</v>
      </c>
      <c r="B5" s="15"/>
      <c r="F5" s="15"/>
      <c r="G5" s="15"/>
      <c r="H5" s="15"/>
      <c r="I5" s="15"/>
      <c r="J5" s="15"/>
      <c r="K5" s="56"/>
      <c r="L5" s="56"/>
      <c r="M5" s="15"/>
      <c r="N5" s="15"/>
      <c r="O5" s="15"/>
      <c r="P5" s="15"/>
      <c r="Q5" s="56"/>
      <c r="R5" s="47"/>
      <c r="T5" s="57"/>
      <c r="U5" s="58" t="s">
        <v>26</v>
      </c>
    </row>
    <row r="6" spans="1:21">
      <c r="A6" s="15"/>
      <c r="B6" s="15"/>
      <c r="F6" s="15"/>
      <c r="G6" s="15"/>
      <c r="H6" s="15"/>
      <c r="I6" s="15"/>
      <c r="J6" s="15"/>
      <c r="K6" s="15"/>
      <c r="L6" s="15"/>
      <c r="M6" s="47"/>
      <c r="N6" s="47"/>
      <c r="O6" s="47"/>
      <c r="P6" s="47"/>
      <c r="Q6" s="47"/>
      <c r="R6" s="47"/>
    </row>
    <row r="7" spans="1:21" ht="8.25" customHeight="1">
      <c r="B7" s="15"/>
      <c r="C7" s="15"/>
      <c r="D7" s="15"/>
      <c r="E7" s="15"/>
      <c r="F7" s="15"/>
      <c r="G7" s="15"/>
      <c r="H7" s="15"/>
      <c r="I7" s="15"/>
      <c r="J7" s="15"/>
      <c r="K7" s="15"/>
      <c r="L7" s="15"/>
      <c r="M7" s="47"/>
      <c r="N7" s="47"/>
      <c r="O7" s="47"/>
      <c r="P7" s="47"/>
      <c r="Q7" s="47"/>
      <c r="R7" s="47"/>
    </row>
    <row r="8" spans="1:21" ht="8.25" customHeight="1">
      <c r="B8" s="15"/>
      <c r="C8" s="15"/>
      <c r="D8" s="15"/>
      <c r="E8" s="15"/>
      <c r="F8" s="15"/>
      <c r="G8" s="15"/>
      <c r="H8" s="15"/>
      <c r="I8" s="15"/>
      <c r="J8" s="15"/>
      <c r="K8" s="15"/>
      <c r="L8" s="15"/>
      <c r="M8" s="47"/>
      <c r="N8" s="47"/>
      <c r="O8" s="47"/>
      <c r="P8" s="47"/>
      <c r="Q8" s="47"/>
      <c r="R8" s="47"/>
    </row>
    <row r="9" spans="1:21" ht="20.25" customHeight="1">
      <c r="B9" s="15"/>
      <c r="C9" s="15"/>
      <c r="D9" s="15"/>
      <c r="E9" s="15"/>
      <c r="F9" s="15"/>
      <c r="G9" s="15"/>
      <c r="H9" s="15"/>
      <c r="I9" s="15" t="s">
        <v>63</v>
      </c>
      <c r="J9" s="15"/>
      <c r="K9" s="15"/>
      <c r="L9" s="15"/>
      <c r="M9" s="47"/>
      <c r="N9" s="47"/>
      <c r="O9" s="47"/>
      <c r="P9" s="47"/>
      <c r="Q9" s="47"/>
      <c r="R9" s="47"/>
    </row>
    <row r="10" spans="1:21" ht="20.25" customHeight="1">
      <c r="B10" s="15"/>
      <c r="C10" s="15"/>
      <c r="D10" s="15"/>
      <c r="E10" s="15"/>
      <c r="F10" s="15"/>
      <c r="G10" s="15"/>
      <c r="I10" s="59" t="s">
        <v>81</v>
      </c>
      <c r="J10" s="183"/>
      <c r="K10" s="183"/>
      <c r="L10" s="183"/>
      <c r="M10" s="183"/>
      <c r="N10" s="183"/>
      <c r="O10" s="183"/>
      <c r="P10" s="183"/>
      <c r="Q10" s="183"/>
      <c r="R10" s="47"/>
    </row>
    <row r="11" spans="1:21" ht="20.25" customHeight="1">
      <c r="B11" s="15"/>
      <c r="C11" s="15"/>
      <c r="D11" s="15"/>
      <c r="E11" s="15"/>
      <c r="F11" s="15"/>
      <c r="G11" s="15"/>
      <c r="H11" s="15"/>
      <c r="I11" s="60" t="s">
        <v>16</v>
      </c>
      <c r="J11" s="183"/>
      <c r="K11" s="183"/>
      <c r="L11" s="183"/>
      <c r="M11" s="183"/>
      <c r="N11" s="183"/>
      <c r="O11" s="183"/>
      <c r="P11" s="183"/>
      <c r="Q11" s="183"/>
      <c r="R11" s="47"/>
    </row>
    <row r="12" spans="1:21" ht="24" customHeight="1">
      <c r="B12" s="15"/>
      <c r="C12" s="15"/>
      <c r="D12" s="15"/>
      <c r="E12" s="15"/>
      <c r="F12" s="15"/>
      <c r="G12" s="15"/>
      <c r="H12" s="15"/>
      <c r="I12" s="61" t="s">
        <v>13</v>
      </c>
      <c r="J12" s="184"/>
      <c r="K12" s="184"/>
      <c r="L12" s="184"/>
      <c r="M12" s="184"/>
      <c r="N12" s="184"/>
      <c r="O12" s="184"/>
      <c r="P12" s="184"/>
      <c r="Q12" s="184"/>
      <c r="R12" s="47"/>
      <c r="T12" s="53"/>
    </row>
    <row r="13" spans="1:21" ht="12.75" customHeight="1">
      <c r="B13" s="15"/>
      <c r="C13" s="15"/>
      <c r="D13" s="15"/>
      <c r="E13" s="15"/>
      <c r="F13" s="15"/>
      <c r="G13" s="15"/>
      <c r="H13" s="15"/>
      <c r="I13" s="15"/>
      <c r="J13" s="181"/>
      <c r="K13" s="181"/>
      <c r="L13" s="182"/>
      <c r="M13" s="182"/>
      <c r="N13" s="182"/>
      <c r="O13" s="182"/>
      <c r="P13" s="182"/>
      <c r="Q13" s="47"/>
      <c r="R13" s="47"/>
    </row>
    <row r="14" spans="1:21" ht="9" customHeight="1">
      <c r="B14" s="15"/>
      <c r="C14" s="15"/>
      <c r="D14" s="15"/>
      <c r="E14" s="15"/>
      <c r="F14" s="15"/>
      <c r="G14" s="15"/>
      <c r="H14" s="15"/>
      <c r="I14" s="15"/>
      <c r="J14" s="181" t="s">
        <v>17</v>
      </c>
      <c r="K14" s="181"/>
      <c r="L14" s="182" t="s">
        <v>17</v>
      </c>
      <c r="M14" s="182"/>
      <c r="N14" s="182"/>
      <c r="O14" s="182"/>
      <c r="P14" s="182"/>
      <c r="Q14" s="47"/>
      <c r="R14" s="47"/>
    </row>
    <row r="15" spans="1:21" ht="9" customHeight="1">
      <c r="B15" s="15"/>
      <c r="C15" s="15"/>
      <c r="D15" s="15"/>
      <c r="E15" s="15"/>
      <c r="F15" s="15"/>
      <c r="G15" s="15"/>
      <c r="H15" s="15"/>
      <c r="I15" s="15"/>
      <c r="J15" s="181" t="s">
        <v>17</v>
      </c>
      <c r="K15" s="181"/>
      <c r="L15" s="182" t="s">
        <v>17</v>
      </c>
      <c r="M15" s="182"/>
      <c r="N15" s="182"/>
      <c r="O15" s="182"/>
      <c r="P15" s="182"/>
      <c r="Q15" s="47"/>
      <c r="R15" s="47"/>
    </row>
    <row r="16" spans="1:21" ht="14.4" customHeight="1">
      <c r="B16" s="185" t="s">
        <v>29</v>
      </c>
      <c r="C16" s="185"/>
      <c r="D16" s="185"/>
      <c r="E16" s="185"/>
      <c r="F16" s="185"/>
      <c r="G16" s="185"/>
      <c r="H16" s="185"/>
      <c r="I16" s="185"/>
      <c r="J16" s="185"/>
      <c r="K16" s="185"/>
      <c r="L16" s="185"/>
      <c r="M16" s="185"/>
      <c r="N16" s="185"/>
      <c r="O16" s="185"/>
      <c r="P16" s="185"/>
      <c r="Q16" s="185"/>
      <c r="R16" s="47"/>
    </row>
    <row r="17" spans="2:20" ht="14.4" customHeight="1">
      <c r="B17" s="185"/>
      <c r="C17" s="185"/>
      <c r="D17" s="185"/>
      <c r="E17" s="185"/>
      <c r="F17" s="185"/>
      <c r="G17" s="185"/>
      <c r="H17" s="185"/>
      <c r="I17" s="185"/>
      <c r="J17" s="185"/>
      <c r="K17" s="185"/>
      <c r="L17" s="185"/>
      <c r="M17" s="185"/>
      <c r="N17" s="185"/>
      <c r="O17" s="185"/>
      <c r="P17" s="185"/>
      <c r="Q17" s="185"/>
      <c r="R17" s="47"/>
    </row>
    <row r="18" spans="2:20" ht="10.5" customHeight="1">
      <c r="B18" s="15"/>
      <c r="C18" s="15"/>
      <c r="D18" s="15"/>
      <c r="E18" s="15"/>
      <c r="F18" s="15"/>
      <c r="G18" s="15"/>
      <c r="H18" s="15"/>
      <c r="I18" s="15"/>
      <c r="J18" s="15"/>
      <c r="K18" s="15"/>
      <c r="L18" s="15"/>
      <c r="M18" s="47"/>
      <c r="N18" s="47"/>
      <c r="O18" s="47"/>
      <c r="P18" s="47"/>
      <c r="Q18" s="47"/>
      <c r="R18" s="47"/>
    </row>
    <row r="19" spans="2:20" ht="45" customHeight="1">
      <c r="B19" s="186" t="s">
        <v>30</v>
      </c>
      <c r="C19" s="187"/>
      <c r="D19" s="187"/>
      <c r="E19" s="187"/>
      <c r="F19" s="187"/>
      <c r="G19" s="187"/>
      <c r="H19" s="187"/>
      <c r="I19" s="187"/>
      <c r="J19" s="187"/>
      <c r="K19" s="187"/>
      <c r="L19" s="187"/>
      <c r="M19" s="187"/>
      <c r="N19" s="187"/>
      <c r="O19" s="187"/>
      <c r="P19" s="187"/>
      <c r="Q19" s="187"/>
      <c r="R19" s="47"/>
    </row>
    <row r="20" spans="2:20" ht="18" customHeight="1">
      <c r="B20" s="188" t="s">
        <v>18</v>
      </c>
      <c r="C20" s="188"/>
      <c r="D20" s="188"/>
      <c r="E20" s="188"/>
      <c r="F20" s="188"/>
      <c r="G20" s="188"/>
      <c r="H20" s="188"/>
      <c r="I20" s="188"/>
      <c r="J20" s="188"/>
      <c r="K20" s="188"/>
      <c r="L20" s="188"/>
      <c r="M20" s="188"/>
      <c r="N20" s="188"/>
      <c r="O20" s="188"/>
      <c r="P20" s="188"/>
      <c r="Q20" s="188"/>
      <c r="R20" s="47"/>
    </row>
    <row r="21" spans="2:20" ht="36" customHeight="1">
      <c r="B21" s="62"/>
      <c r="C21" s="189" t="s">
        <v>45</v>
      </c>
      <c r="D21" s="189"/>
      <c r="E21" s="189"/>
      <c r="F21" s="190"/>
      <c r="G21" s="191"/>
      <c r="H21" s="192"/>
      <c r="I21" s="192"/>
      <c r="J21" s="192"/>
      <c r="K21" s="192"/>
      <c r="L21" s="192"/>
      <c r="M21" s="192"/>
      <c r="N21" s="192"/>
      <c r="O21" s="192"/>
      <c r="P21" s="192"/>
      <c r="Q21" s="193"/>
      <c r="R21" s="47"/>
    </row>
    <row r="22" spans="2:20" ht="21" customHeight="1">
      <c r="B22" s="63"/>
      <c r="C22" s="196" t="s">
        <v>44</v>
      </c>
      <c r="D22" s="196"/>
      <c r="E22" s="196"/>
      <c r="F22" s="197"/>
      <c r="G22" s="64"/>
      <c r="H22" s="65" t="s">
        <v>82</v>
      </c>
      <c r="I22" s="202"/>
      <c r="J22" s="202"/>
      <c r="K22" s="202"/>
      <c r="L22" s="202"/>
      <c r="M22" s="202"/>
      <c r="N22" s="202"/>
      <c r="O22" s="202"/>
      <c r="P22" s="202"/>
      <c r="Q22" s="66"/>
      <c r="R22" s="47"/>
    </row>
    <row r="23" spans="2:20" ht="21" customHeight="1">
      <c r="B23" s="67"/>
      <c r="C23" s="198"/>
      <c r="D23" s="198"/>
      <c r="E23" s="198"/>
      <c r="F23" s="199"/>
      <c r="G23" s="15"/>
      <c r="H23" s="68" t="s">
        <v>83</v>
      </c>
      <c r="I23" s="184"/>
      <c r="J23" s="184"/>
      <c r="K23" s="184"/>
      <c r="L23" s="184"/>
      <c r="M23" s="184"/>
      <c r="N23" s="184"/>
      <c r="O23" s="184"/>
      <c r="P23" s="184"/>
      <c r="Q23" s="69"/>
      <c r="R23" s="47"/>
    </row>
    <row r="24" spans="2:20" ht="21" customHeight="1">
      <c r="B24" s="67"/>
      <c r="C24" s="198"/>
      <c r="D24" s="198"/>
      <c r="E24" s="198"/>
      <c r="F24" s="199"/>
      <c r="G24" s="15"/>
      <c r="H24" s="70" t="s">
        <v>84</v>
      </c>
      <c r="I24" s="183"/>
      <c r="J24" s="183"/>
      <c r="K24" s="183"/>
      <c r="L24" s="183"/>
      <c r="M24" s="183"/>
      <c r="N24" s="183"/>
      <c r="O24" s="183"/>
      <c r="P24" s="183"/>
      <c r="Q24" s="69"/>
      <c r="R24" s="47"/>
    </row>
    <row r="25" spans="2:20" ht="21" customHeight="1">
      <c r="B25" s="67"/>
      <c r="C25" s="198"/>
      <c r="D25" s="198"/>
      <c r="E25" s="198"/>
      <c r="F25" s="199"/>
      <c r="G25" s="15"/>
      <c r="H25" s="48" t="s">
        <v>86</v>
      </c>
      <c r="I25" s="183"/>
      <c r="J25" s="183"/>
      <c r="K25" s="183"/>
      <c r="L25" s="183"/>
      <c r="M25" s="183"/>
      <c r="N25" s="133" t="s">
        <v>85</v>
      </c>
      <c r="O25" s="133"/>
      <c r="P25" s="133"/>
      <c r="Q25" s="69"/>
      <c r="R25" s="47"/>
    </row>
    <row r="26" spans="2:20" ht="21" customHeight="1">
      <c r="B26" s="67"/>
      <c r="C26" s="198"/>
      <c r="D26" s="198"/>
      <c r="E26" s="198"/>
      <c r="F26" s="199"/>
      <c r="G26" s="15"/>
      <c r="H26" s="48" t="s">
        <v>87</v>
      </c>
      <c r="I26" s="183"/>
      <c r="J26" s="183"/>
      <c r="K26" s="183"/>
      <c r="L26" s="183"/>
      <c r="M26" s="183"/>
      <c r="N26" s="133" t="s">
        <v>85</v>
      </c>
      <c r="O26" s="133"/>
      <c r="P26" s="133"/>
      <c r="Q26" s="69"/>
      <c r="R26" s="47"/>
    </row>
    <row r="27" spans="2:20" ht="21" customHeight="1">
      <c r="B27" s="134"/>
      <c r="C27" s="200"/>
      <c r="D27" s="200"/>
      <c r="E27" s="200"/>
      <c r="F27" s="201"/>
      <c r="G27" s="135"/>
      <c r="H27" s="136" t="s">
        <v>19</v>
      </c>
      <c r="I27" s="203"/>
      <c r="J27" s="203"/>
      <c r="K27" s="203"/>
      <c r="L27" s="203"/>
      <c r="M27" s="203"/>
      <c r="N27" s="203"/>
      <c r="O27" s="203"/>
      <c r="P27" s="204"/>
      <c r="Q27" s="137" t="s">
        <v>85</v>
      </c>
      <c r="R27" s="47"/>
    </row>
    <row r="28" spans="2:20" ht="10.199999999999999" customHeight="1">
      <c r="B28" s="71"/>
      <c r="C28" s="195"/>
      <c r="D28" s="195"/>
      <c r="E28" s="195"/>
      <c r="F28" s="195"/>
      <c r="G28" s="195"/>
      <c r="H28" s="195"/>
      <c r="I28" s="195"/>
      <c r="J28" s="195"/>
      <c r="K28" s="195"/>
      <c r="L28" s="195"/>
      <c r="M28" s="195"/>
      <c r="N28" s="195"/>
      <c r="O28" s="195"/>
      <c r="P28" s="195"/>
      <c r="Q28" s="195"/>
      <c r="R28" s="47"/>
      <c r="T28" s="72"/>
    </row>
    <row r="29" spans="2:20" ht="28.95" customHeight="1">
      <c r="B29" s="15"/>
      <c r="C29" s="194" t="s">
        <v>46</v>
      </c>
      <c r="D29" s="194"/>
      <c r="E29" s="194"/>
      <c r="F29" s="194"/>
      <c r="G29" s="194"/>
      <c r="H29" s="194"/>
      <c r="I29" s="194"/>
      <c r="J29" s="194"/>
      <c r="K29" s="194"/>
      <c r="L29" s="194"/>
      <c r="M29" s="194"/>
      <c r="N29" s="194"/>
      <c r="O29" s="194"/>
      <c r="P29" s="194"/>
      <c r="Q29" s="194"/>
      <c r="R29" s="47"/>
    </row>
    <row r="30" spans="2:20" ht="13.5" customHeight="1">
      <c r="Q30" s="73"/>
    </row>
    <row r="32" spans="2:20">
      <c r="F32" s="44"/>
      <c r="G32" s="44"/>
      <c r="H32" s="44"/>
      <c r="I32" s="44"/>
      <c r="J32" s="44"/>
      <c r="K32" s="44"/>
      <c r="L32" s="44"/>
      <c r="M32" s="43"/>
      <c r="N32" s="43"/>
      <c r="O32" s="43"/>
      <c r="P32" s="43"/>
      <c r="Q32" s="43"/>
      <c r="R32" s="43"/>
    </row>
    <row r="33" spans="6:18">
      <c r="F33" s="44"/>
      <c r="G33" s="44"/>
      <c r="H33" s="44"/>
      <c r="I33" s="44"/>
      <c r="J33" s="44"/>
      <c r="K33" s="44"/>
      <c r="L33" s="44"/>
      <c r="M33" s="43"/>
      <c r="N33" s="43"/>
      <c r="O33" s="43"/>
      <c r="P33" s="43"/>
      <c r="Q33" s="43"/>
      <c r="R33" s="43"/>
    </row>
    <row r="34" spans="6:18">
      <c r="F34" s="44"/>
      <c r="G34" s="44"/>
      <c r="H34" s="44"/>
      <c r="I34" s="44"/>
      <c r="J34" s="44"/>
      <c r="K34" s="44"/>
      <c r="L34" s="44"/>
      <c r="M34" s="43"/>
      <c r="N34" s="43"/>
      <c r="O34" s="43"/>
      <c r="P34" s="43"/>
      <c r="Q34" s="43"/>
      <c r="R34" s="43"/>
    </row>
    <row r="35" spans="6:18">
      <c r="F35" s="44"/>
      <c r="G35" s="44"/>
      <c r="H35" s="44"/>
      <c r="I35" s="44"/>
      <c r="J35" s="44"/>
      <c r="K35" s="44"/>
      <c r="L35" s="44"/>
      <c r="M35" s="43"/>
      <c r="N35" s="43"/>
      <c r="O35" s="43"/>
      <c r="P35" s="43"/>
      <c r="Q35" s="43"/>
      <c r="R35" s="43"/>
    </row>
    <row r="36" spans="6:18">
      <c r="F36" s="44"/>
      <c r="G36" s="44"/>
      <c r="H36" s="44"/>
      <c r="I36" s="44"/>
      <c r="J36" s="44"/>
      <c r="K36" s="44"/>
      <c r="L36" s="44"/>
      <c r="M36" s="43"/>
      <c r="N36" s="43"/>
      <c r="O36" s="43"/>
      <c r="P36" s="43"/>
      <c r="Q36" s="43"/>
      <c r="R36" s="43"/>
    </row>
  </sheetData>
  <sheetProtection formatCells="0"/>
  <customSheetViews>
    <customSheetView guid="{864473BD-17CB-4242-8B82-DC63A9F91306}" showPageBreaks="1" zeroValues="0" printArea="1" view="pageBreakPreview">
      <selection activeCell="F6" sqref="F6"/>
      <pageMargins left="0.59055118110236227" right="0.59055118110236227" top="0.59055118110236227" bottom="0.59055118110236227" header="0.31496062992125984" footer="0.31496062992125984"/>
      <printOptions horizontalCentered="1"/>
      <pageSetup paperSize="9" orientation="portrait" r:id="rId1"/>
    </customSheetView>
  </customSheetViews>
  <mergeCells count="24">
    <mergeCell ref="C29:Q29"/>
    <mergeCell ref="C28:Q28"/>
    <mergeCell ref="C22:F27"/>
    <mergeCell ref="I22:P22"/>
    <mergeCell ref="I23:P23"/>
    <mergeCell ref="I24:P24"/>
    <mergeCell ref="I25:M25"/>
    <mergeCell ref="I26:M26"/>
    <mergeCell ref="I27:P27"/>
    <mergeCell ref="B19:Q19"/>
    <mergeCell ref="B20:Q20"/>
    <mergeCell ref="B16:Q16"/>
    <mergeCell ref="C21:F21"/>
    <mergeCell ref="G21:Q21"/>
    <mergeCell ref="J14:K14"/>
    <mergeCell ref="L14:P14"/>
    <mergeCell ref="J15:K15"/>
    <mergeCell ref="L15:P15"/>
    <mergeCell ref="B17:Q17"/>
    <mergeCell ref="J13:K13"/>
    <mergeCell ref="L13:P13"/>
    <mergeCell ref="J10:Q10"/>
    <mergeCell ref="J11:Q11"/>
    <mergeCell ref="J12:Q12"/>
  </mergeCells>
  <phoneticPr fontId="8"/>
  <printOptions horizontalCentered="1"/>
  <pageMargins left="0.59055118110236227" right="0.59055118110236227" top="0.59055118110236227" bottom="0.59055118110236227" header="0.31496062992125984" footer="0.31496062992125984"/>
  <pageSetup paperSize="9" orientation="portrait" blackAndWhite="1"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Q84"/>
  <sheetViews>
    <sheetView zoomScaleNormal="100" zoomScaleSheetLayoutView="100" workbookViewId="0">
      <selection activeCell="L19" sqref="L19"/>
    </sheetView>
  </sheetViews>
  <sheetFormatPr defaultColWidth="9" defaultRowHeight="22.5" customHeight="1"/>
  <cols>
    <col min="1" max="1" width="3.21875" style="1" customWidth="1"/>
    <col min="2" max="2" width="5.44140625" style="1" customWidth="1"/>
    <col min="3" max="3" width="15.109375" style="1" customWidth="1"/>
    <col min="4" max="4" width="7.44140625" style="1" customWidth="1"/>
    <col min="5" max="5" width="11.6640625" style="1" customWidth="1"/>
    <col min="6" max="6" width="5.44140625" style="1" customWidth="1"/>
    <col min="7" max="7" width="7.88671875" style="1" customWidth="1"/>
    <col min="8" max="8" width="5.21875" style="1" customWidth="1"/>
    <col min="9" max="9" width="10.6640625" style="1" customWidth="1"/>
    <col min="10" max="10" width="9" style="1" customWidth="1"/>
    <col min="11" max="11" width="6.44140625" style="1" customWidth="1"/>
    <col min="12" max="12" width="8.88671875" style="1" customWidth="1"/>
    <col min="18" max="16384" width="9" style="143"/>
  </cols>
  <sheetData>
    <row r="1" spans="1:17" ht="13.2">
      <c r="A1" s="178" t="s">
        <v>22</v>
      </c>
    </row>
    <row r="2" spans="1:17" ht="22.5" customHeight="1">
      <c r="A2" s="218" t="s">
        <v>169</v>
      </c>
      <c r="B2" s="218"/>
      <c r="C2" s="218"/>
      <c r="D2" s="218"/>
      <c r="E2" s="218"/>
      <c r="F2" s="218"/>
      <c r="G2" s="218"/>
      <c r="H2" s="218"/>
      <c r="I2" s="218"/>
      <c r="J2" s="218"/>
      <c r="K2" s="218"/>
    </row>
    <row r="3" spans="1:17" ht="12" customHeight="1"/>
    <row r="4" spans="1:17" ht="21" customHeight="1">
      <c r="A4" s="220" t="s">
        <v>189</v>
      </c>
      <c r="B4" s="220"/>
      <c r="C4" s="220"/>
      <c r="D4" s="221">
        <f>'様式１（登録申請）'!J11</f>
        <v>0</v>
      </c>
      <c r="E4" s="221"/>
      <c r="F4" s="221"/>
      <c r="G4" s="221"/>
      <c r="H4" s="221"/>
      <c r="I4" s="221"/>
      <c r="J4" s="221"/>
      <c r="K4" s="221"/>
    </row>
    <row r="5" spans="1:17" ht="21" customHeight="1">
      <c r="A5" s="220" t="s">
        <v>190</v>
      </c>
      <c r="B5" s="220"/>
      <c r="C5" s="220"/>
      <c r="D5" s="221">
        <f>'様式１（登録申請）'!G21</f>
        <v>0</v>
      </c>
      <c r="E5" s="221"/>
      <c r="F5" s="221"/>
      <c r="G5" s="221"/>
      <c r="H5" s="221"/>
      <c r="I5" s="221"/>
      <c r="J5" s="221"/>
      <c r="K5" s="221"/>
    </row>
    <row r="6" spans="1:17" ht="12" customHeight="1"/>
    <row r="7" spans="1:17" ht="19.95" customHeight="1">
      <c r="A7" s="8">
        <v>1</v>
      </c>
      <c r="B7" s="9" t="s">
        <v>184</v>
      </c>
      <c r="C7" s="9"/>
      <c r="D7" s="9"/>
      <c r="E7" s="9"/>
      <c r="F7" s="9"/>
      <c r="G7" s="9"/>
      <c r="H7" s="9"/>
      <c r="I7" s="9"/>
      <c r="J7" s="9"/>
      <c r="K7" s="10"/>
      <c r="L7" s="166"/>
      <c r="M7" t="s">
        <v>194</v>
      </c>
    </row>
    <row r="8" spans="1:17" ht="25.2" customHeight="1">
      <c r="A8" s="6"/>
      <c r="B8" s="152" t="s">
        <v>182</v>
      </c>
      <c r="C8" s="294" t="s">
        <v>181</v>
      </c>
      <c r="D8" s="294"/>
      <c r="E8" s="146"/>
      <c r="F8" s="146"/>
      <c r="G8" s="146"/>
      <c r="H8" s="146"/>
      <c r="I8" s="146"/>
      <c r="J8" s="146"/>
      <c r="K8" s="147"/>
    </row>
    <row r="9" spans="1:17" ht="25.2" customHeight="1">
      <c r="A9" s="6"/>
      <c r="B9" s="289" t="s">
        <v>181</v>
      </c>
      <c r="C9" s="290"/>
      <c r="D9" s="290"/>
      <c r="E9" s="290"/>
      <c r="F9" s="290"/>
      <c r="G9" s="290"/>
      <c r="H9" s="290"/>
      <c r="I9" s="290"/>
      <c r="J9" s="290"/>
      <c r="K9" s="291"/>
    </row>
    <row r="10" spans="1:17" s="144" customFormat="1" ht="19.95" customHeight="1">
      <c r="A10" s="8">
        <v>2</v>
      </c>
      <c r="B10" s="11" t="s">
        <v>188</v>
      </c>
      <c r="C10" s="11"/>
      <c r="D10" s="11"/>
      <c r="E10" s="11"/>
      <c r="F10" s="11"/>
      <c r="G10" s="11"/>
      <c r="H10" s="11"/>
      <c r="I10" s="11"/>
      <c r="J10" s="11"/>
      <c r="K10" s="12"/>
      <c r="L10" s="7"/>
      <c r="M10"/>
      <c r="N10"/>
      <c r="O10"/>
      <c r="P10"/>
      <c r="Q10"/>
    </row>
    <row r="11" spans="1:17" ht="25.2" customHeight="1">
      <c r="A11" s="2"/>
      <c r="B11" s="285"/>
      <c r="C11" s="286"/>
      <c r="D11" s="287" t="s">
        <v>11</v>
      </c>
      <c r="E11" s="287"/>
      <c r="F11" s="287"/>
      <c r="G11" s="287"/>
      <c r="H11" s="287"/>
      <c r="I11" s="287"/>
      <c r="J11" s="287"/>
      <c r="K11" s="288"/>
      <c r="L11" s="143"/>
    </row>
    <row r="12" spans="1:17" ht="25.2" customHeight="1">
      <c r="A12" s="4"/>
      <c r="B12" s="258" t="s">
        <v>160</v>
      </c>
      <c r="C12" s="259"/>
      <c r="D12" s="259"/>
      <c r="E12" s="228"/>
      <c r="F12" s="228"/>
      <c r="G12" s="18" t="s">
        <v>58</v>
      </c>
      <c r="H12" s="165" t="s">
        <v>177</v>
      </c>
      <c r="I12" s="18"/>
      <c r="J12" s="18"/>
      <c r="K12" s="19"/>
      <c r="L12" s="143"/>
    </row>
    <row r="13" spans="1:17" s="144" customFormat="1" ht="19.95" customHeight="1">
      <c r="A13" s="8">
        <v>3</v>
      </c>
      <c r="B13" s="11" t="s">
        <v>57</v>
      </c>
      <c r="C13" s="11"/>
      <c r="D13" s="11"/>
      <c r="E13" s="11"/>
      <c r="F13" s="11"/>
      <c r="G13" s="11"/>
      <c r="H13" s="11"/>
      <c r="I13" s="11"/>
      <c r="J13" s="11"/>
      <c r="K13" s="12"/>
      <c r="M13"/>
      <c r="N13"/>
      <c r="O13"/>
      <c r="P13"/>
      <c r="Q13"/>
    </row>
    <row r="14" spans="1:17" ht="13.2">
      <c r="A14" s="205" t="s">
        <v>78</v>
      </c>
      <c r="B14" s="206"/>
      <c r="C14" s="206"/>
      <c r="D14" s="206"/>
      <c r="E14" s="206"/>
      <c r="F14" s="206"/>
      <c r="G14" s="206"/>
      <c r="H14" s="206"/>
      <c r="I14" s="206"/>
      <c r="J14" s="206"/>
      <c r="K14" s="207"/>
      <c r="L14" s="143"/>
    </row>
    <row r="15" spans="1:17" ht="37.049999999999997" customHeight="1">
      <c r="A15" s="30"/>
      <c r="B15" s="208" t="s">
        <v>0</v>
      </c>
      <c r="C15" s="210"/>
      <c r="D15" s="208" t="s">
        <v>1</v>
      </c>
      <c r="E15" s="209"/>
      <c r="F15" s="210"/>
      <c r="G15" s="39" t="s">
        <v>2</v>
      </c>
      <c r="H15" s="39" t="s">
        <v>3</v>
      </c>
      <c r="I15" s="13" t="s">
        <v>4</v>
      </c>
      <c r="J15" s="13" t="s">
        <v>5</v>
      </c>
      <c r="K15" s="39" t="s">
        <v>6</v>
      </c>
      <c r="L15" s="143"/>
    </row>
    <row r="16" spans="1:17" ht="31.5" customHeight="1">
      <c r="A16" s="30"/>
      <c r="B16" s="208" t="s">
        <v>7</v>
      </c>
      <c r="C16" s="210"/>
      <c r="D16" s="211" t="s">
        <v>155</v>
      </c>
      <c r="E16" s="212"/>
      <c r="F16" s="213"/>
      <c r="G16" s="14" t="s">
        <v>8</v>
      </c>
      <c r="H16" s="14" t="s">
        <v>9</v>
      </c>
      <c r="I16" s="14" t="s">
        <v>193</v>
      </c>
      <c r="J16" s="14" t="s">
        <v>64</v>
      </c>
      <c r="K16" s="14" t="s">
        <v>10</v>
      </c>
      <c r="L16" s="143"/>
    </row>
    <row r="17" spans="1:12" ht="13.2">
      <c r="A17" s="214" t="s">
        <v>60</v>
      </c>
      <c r="B17" s="215"/>
      <c r="C17" s="206"/>
      <c r="D17" s="206"/>
      <c r="E17" s="206"/>
      <c r="F17" s="206"/>
      <c r="G17" s="206"/>
      <c r="H17" s="206"/>
      <c r="I17" s="206"/>
      <c r="J17" s="206"/>
      <c r="K17" s="207"/>
      <c r="L17" s="143"/>
    </row>
    <row r="18" spans="1:12" ht="25.05" customHeight="1">
      <c r="A18" s="30"/>
      <c r="B18" s="283"/>
      <c r="C18" s="216" t="s">
        <v>59</v>
      </c>
      <c r="D18" s="216"/>
      <c r="E18" s="216"/>
      <c r="F18" s="216"/>
      <c r="G18" s="216"/>
      <c r="H18" s="216"/>
      <c r="I18" s="217"/>
      <c r="J18" s="217"/>
      <c r="K18" s="28" t="s">
        <v>48</v>
      </c>
      <c r="L18" s="143"/>
    </row>
    <row r="19" spans="1:12" ht="25.05" customHeight="1">
      <c r="A19" s="30"/>
      <c r="B19" s="234"/>
      <c r="C19" s="216" t="s">
        <v>150</v>
      </c>
      <c r="D19" s="216"/>
      <c r="E19" s="216"/>
      <c r="F19" s="216"/>
      <c r="G19" s="216"/>
      <c r="H19" s="216"/>
      <c r="I19" s="217"/>
      <c r="J19" s="217"/>
      <c r="K19" s="28" t="s">
        <v>48</v>
      </c>
      <c r="L19" s="143"/>
    </row>
    <row r="20" spans="1:12" ht="24" customHeight="1">
      <c r="A20" s="33"/>
      <c r="B20" s="34"/>
      <c r="C20" s="219" t="s">
        <v>61</v>
      </c>
      <c r="D20" s="219"/>
      <c r="E20" s="219"/>
      <c r="F20" s="219"/>
      <c r="G20" s="219"/>
      <c r="H20" s="219"/>
      <c r="I20" s="38"/>
      <c r="J20" s="38"/>
      <c r="K20" s="74"/>
      <c r="L20" s="143"/>
    </row>
    <row r="21" spans="1:12" ht="22.5" customHeight="1">
      <c r="A21" s="263" t="s">
        <v>152</v>
      </c>
      <c r="B21" s="264"/>
      <c r="C21" s="264"/>
      <c r="D21" s="264"/>
      <c r="E21" s="264"/>
      <c r="F21" s="264"/>
      <c r="G21" s="264"/>
      <c r="H21" s="264"/>
      <c r="I21" s="264"/>
      <c r="J21" s="264"/>
      <c r="K21" s="35"/>
      <c r="L21" s="143"/>
    </row>
    <row r="22" spans="1:12" ht="22.5" customHeight="1">
      <c r="A22" s="155"/>
      <c r="B22" s="156"/>
      <c r="C22" s="156"/>
      <c r="D22" s="156"/>
      <c r="E22" s="243" t="s">
        <v>196</v>
      </c>
      <c r="F22" s="243"/>
      <c r="G22" s="243"/>
      <c r="H22" s="156"/>
      <c r="I22" s="243" t="s">
        <v>187</v>
      </c>
      <c r="J22" s="243"/>
      <c r="K22" s="284"/>
      <c r="L22" s="143"/>
    </row>
    <row r="23" spans="1:12" ht="22.5" customHeight="1">
      <c r="A23" s="130"/>
      <c r="B23" s="292" t="s">
        <v>153</v>
      </c>
      <c r="C23" s="293"/>
      <c r="D23" s="293"/>
      <c r="E23" s="248"/>
      <c r="F23" s="249"/>
      <c r="G23" s="140" t="s">
        <v>158</v>
      </c>
      <c r="H23" s="138"/>
      <c r="I23" s="248"/>
      <c r="J23" s="249"/>
      <c r="K23" s="163" t="s">
        <v>185</v>
      </c>
      <c r="L23" s="143"/>
    </row>
    <row r="24" spans="1:12" ht="22.5" customHeight="1">
      <c r="A24" s="130"/>
      <c r="B24" s="131"/>
      <c r="C24" s="131"/>
      <c r="D24" s="131"/>
      <c r="E24" s="131"/>
      <c r="F24" s="131"/>
      <c r="G24" s="131"/>
      <c r="H24" s="139"/>
      <c r="I24" s="5"/>
      <c r="J24" s="5"/>
      <c r="K24" s="164"/>
      <c r="L24" s="143"/>
    </row>
    <row r="25" spans="1:12" ht="27.75" customHeight="1">
      <c r="A25" s="6"/>
      <c r="B25" s="295" t="s">
        <v>172</v>
      </c>
      <c r="C25" s="296"/>
      <c r="D25" s="297"/>
      <c r="E25" s="248"/>
      <c r="F25" s="249"/>
      <c r="G25" s="129" t="s">
        <v>23</v>
      </c>
      <c r="H25" s="21"/>
      <c r="I25" s="248"/>
      <c r="J25" s="249"/>
      <c r="K25" s="129" t="s">
        <v>23</v>
      </c>
      <c r="L25" s="143"/>
    </row>
    <row r="26" spans="1:12" ht="27.75" customHeight="1">
      <c r="A26" s="6"/>
      <c r="B26" s="250" t="s">
        <v>173</v>
      </c>
      <c r="C26" s="251"/>
      <c r="D26" s="252"/>
      <c r="E26" s="248"/>
      <c r="F26" s="249"/>
      <c r="G26" s="129" t="s">
        <v>23</v>
      </c>
      <c r="H26" s="21"/>
      <c r="I26" s="248"/>
      <c r="J26" s="249"/>
      <c r="K26" s="129" t="s">
        <v>23</v>
      </c>
      <c r="L26" s="143"/>
    </row>
    <row r="27" spans="1:12" ht="27.75" customHeight="1">
      <c r="A27" s="6"/>
      <c r="B27" s="276" t="s">
        <v>156</v>
      </c>
      <c r="C27" s="277"/>
      <c r="D27" s="278"/>
      <c r="E27" s="246">
        <f>E25-E26</f>
        <v>0</v>
      </c>
      <c r="F27" s="247"/>
      <c r="G27" s="129" t="s">
        <v>23</v>
      </c>
      <c r="H27" s="21"/>
      <c r="I27" s="246">
        <f>I25-I26</f>
        <v>0</v>
      </c>
      <c r="J27" s="247"/>
      <c r="K27" s="129" t="s">
        <v>23</v>
      </c>
      <c r="L27" s="143"/>
    </row>
    <row r="28" spans="1:12" ht="22.5" customHeight="1">
      <c r="A28" s="6"/>
      <c r="B28" s="240" t="s">
        <v>195</v>
      </c>
      <c r="C28" s="241"/>
      <c r="D28" s="241"/>
      <c r="E28" s="241"/>
      <c r="F28" s="241"/>
      <c r="G28" s="241"/>
      <c r="H28" s="241"/>
      <c r="I28" s="241"/>
      <c r="J28" s="241"/>
      <c r="K28" s="242"/>
      <c r="L28" s="143"/>
    </row>
    <row r="29" spans="1:12" ht="22.5" customHeight="1">
      <c r="A29" s="6"/>
      <c r="B29" s="241"/>
      <c r="C29" s="241"/>
      <c r="D29" s="241"/>
      <c r="E29" s="241"/>
      <c r="F29" s="241"/>
      <c r="G29" s="241"/>
      <c r="H29" s="241"/>
      <c r="I29" s="241"/>
      <c r="J29" s="241"/>
      <c r="K29" s="242"/>
      <c r="L29" s="143"/>
    </row>
    <row r="30" spans="1:12" ht="22.5" customHeight="1">
      <c r="A30" s="6"/>
      <c r="B30" s="173"/>
      <c r="C30" s="173"/>
      <c r="D30" s="173"/>
      <c r="E30" s="173"/>
      <c r="F30" s="173"/>
      <c r="G30" s="173"/>
      <c r="H30" s="173"/>
      <c r="I30" s="173"/>
      <c r="J30" s="173"/>
      <c r="K30" s="174"/>
      <c r="L30" s="143"/>
    </row>
    <row r="31" spans="1:12" ht="22.5" customHeight="1">
      <c r="A31" s="255" t="s">
        <v>179</v>
      </c>
      <c r="B31" s="256"/>
      <c r="C31" s="256"/>
      <c r="D31" s="256"/>
      <c r="E31" s="256"/>
      <c r="F31" s="256"/>
      <c r="G31" s="256"/>
      <c r="H31" s="256"/>
      <c r="I31" s="256"/>
      <c r="J31" s="256"/>
      <c r="K31" s="22"/>
      <c r="L31" s="143"/>
    </row>
    <row r="32" spans="1:12" ht="22.5" customHeight="1">
      <c r="A32" s="151"/>
      <c r="B32" s="243" t="s">
        <v>191</v>
      </c>
      <c r="C32" s="243"/>
      <c r="D32" s="243"/>
      <c r="E32" s="243" t="s">
        <v>196</v>
      </c>
      <c r="F32" s="243"/>
      <c r="G32" s="243"/>
      <c r="H32" s="21"/>
      <c r="I32" s="253" t="s">
        <v>186</v>
      </c>
      <c r="J32" s="253"/>
      <c r="K32" s="254"/>
      <c r="L32" s="143"/>
    </row>
    <row r="33" spans="1:12" ht="27.75" customHeight="1">
      <c r="A33" s="6"/>
      <c r="B33" s="250" t="s">
        <v>178</v>
      </c>
      <c r="C33" s="251"/>
      <c r="D33" s="252"/>
      <c r="E33" s="248"/>
      <c r="F33" s="249"/>
      <c r="G33" s="40" t="s">
        <v>48</v>
      </c>
      <c r="H33" s="30"/>
      <c r="I33" s="244"/>
      <c r="J33" s="245"/>
      <c r="K33" s="162" t="s">
        <v>23</v>
      </c>
      <c r="L33" s="143"/>
    </row>
    <row r="34" spans="1:12" ht="27.75" customHeight="1">
      <c r="A34" s="6"/>
      <c r="B34" s="258" t="s">
        <v>47</v>
      </c>
      <c r="C34" s="259"/>
      <c r="D34" s="275"/>
      <c r="E34" s="246">
        <f>E33*120</f>
        <v>0</v>
      </c>
      <c r="F34" s="247"/>
      <c r="G34" s="40" t="s">
        <v>23</v>
      </c>
      <c r="H34" s="143"/>
      <c r="I34" s="246">
        <f>I33*120</f>
        <v>0</v>
      </c>
      <c r="J34" s="247"/>
      <c r="K34" s="129" t="s">
        <v>23</v>
      </c>
      <c r="L34" s="143"/>
    </row>
    <row r="35" spans="1:12" ht="27.75" customHeight="1">
      <c r="A35" s="6"/>
      <c r="B35" s="250" t="s">
        <v>174</v>
      </c>
      <c r="C35" s="251"/>
      <c r="D35" s="252"/>
      <c r="E35" s="248"/>
      <c r="F35" s="249"/>
      <c r="G35" s="40" t="s">
        <v>48</v>
      </c>
      <c r="H35" s="143"/>
      <c r="I35" s="248"/>
      <c r="J35" s="249"/>
      <c r="K35" s="129" t="s">
        <v>23</v>
      </c>
      <c r="L35" s="143"/>
    </row>
    <row r="36" spans="1:12" ht="27.75" customHeight="1">
      <c r="A36" s="6"/>
      <c r="B36" s="250" t="s">
        <v>175</v>
      </c>
      <c r="C36" s="251"/>
      <c r="D36" s="252"/>
      <c r="E36" s="248"/>
      <c r="F36" s="249"/>
      <c r="G36" s="40" t="s">
        <v>48</v>
      </c>
      <c r="H36" s="143"/>
      <c r="I36" s="248"/>
      <c r="J36" s="249"/>
      <c r="K36" s="129" t="s">
        <v>23</v>
      </c>
      <c r="L36" s="143"/>
    </row>
    <row r="37" spans="1:12" ht="27.75" customHeight="1">
      <c r="A37" s="6"/>
      <c r="B37" s="250" t="s">
        <v>157</v>
      </c>
      <c r="C37" s="251"/>
      <c r="D37" s="252"/>
      <c r="E37" s="246">
        <f>E35-E36</f>
        <v>0</v>
      </c>
      <c r="F37" s="247"/>
      <c r="G37" s="40" t="s">
        <v>48</v>
      </c>
      <c r="H37" s="143"/>
      <c r="I37" s="246">
        <f>I35-I36</f>
        <v>0</v>
      </c>
      <c r="J37" s="247"/>
      <c r="K37" s="129" t="s">
        <v>23</v>
      </c>
      <c r="L37" s="143"/>
    </row>
    <row r="38" spans="1:12" ht="27.75" customHeight="1">
      <c r="A38" s="6"/>
      <c r="B38" s="250" t="s">
        <v>180</v>
      </c>
      <c r="C38" s="251"/>
      <c r="D38" s="252"/>
      <c r="E38" s="246">
        <f>E37-E33</f>
        <v>0</v>
      </c>
      <c r="F38" s="247"/>
      <c r="G38" s="40" t="s">
        <v>48</v>
      </c>
      <c r="H38" s="143"/>
      <c r="I38" s="246">
        <f>I37-I33</f>
        <v>0</v>
      </c>
      <c r="J38" s="247"/>
      <c r="K38" s="129" t="s">
        <v>23</v>
      </c>
      <c r="L38" s="143"/>
    </row>
    <row r="39" spans="1:12" ht="22.5" customHeight="1">
      <c r="A39" s="6"/>
      <c r="B39" s="20"/>
      <c r="C39" s="20" t="s">
        <v>159</v>
      </c>
      <c r="D39" s="21"/>
      <c r="E39" s="26"/>
      <c r="F39" s="26"/>
      <c r="G39" s="16"/>
      <c r="H39" s="16"/>
      <c r="I39" s="16"/>
      <c r="J39" s="16"/>
      <c r="K39" s="22"/>
      <c r="L39" s="143"/>
    </row>
    <row r="40" spans="1:12" ht="22.5" customHeight="1">
      <c r="A40" s="6"/>
      <c r="B40" s="20"/>
      <c r="C40" s="20"/>
      <c r="D40" s="21"/>
      <c r="E40" s="26"/>
      <c r="F40" s="26"/>
      <c r="G40" s="16"/>
      <c r="H40" s="16"/>
      <c r="I40" s="16"/>
      <c r="J40" s="16"/>
      <c r="K40" s="22"/>
      <c r="L40" s="143"/>
    </row>
    <row r="41" spans="1:12" ht="22.5" customHeight="1">
      <c r="A41" s="6"/>
      <c r="B41" s="243" t="s">
        <v>192</v>
      </c>
      <c r="C41" s="243"/>
      <c r="D41" s="243"/>
      <c r="E41" s="243" t="s">
        <v>196</v>
      </c>
      <c r="F41" s="243"/>
      <c r="G41" s="243"/>
      <c r="H41" s="21"/>
      <c r="I41" s="253" t="s">
        <v>186</v>
      </c>
      <c r="J41" s="253"/>
      <c r="K41" s="254"/>
      <c r="L41" s="143"/>
    </row>
    <row r="42" spans="1:12" ht="27.45" customHeight="1">
      <c r="A42" s="6"/>
      <c r="B42" s="250" t="s">
        <v>178</v>
      </c>
      <c r="C42" s="251"/>
      <c r="D42" s="252"/>
      <c r="E42" s="248"/>
      <c r="F42" s="249"/>
      <c r="G42" s="129" t="s">
        <v>23</v>
      </c>
      <c r="H42" s="30"/>
      <c r="I42" s="244"/>
      <c r="J42" s="245"/>
      <c r="K42" s="162" t="s">
        <v>23</v>
      </c>
      <c r="L42" s="143"/>
    </row>
    <row r="43" spans="1:12" ht="27.45" customHeight="1">
      <c r="A43" s="6"/>
      <c r="B43" s="258" t="s">
        <v>47</v>
      </c>
      <c r="C43" s="259"/>
      <c r="D43" s="275"/>
      <c r="E43" s="246">
        <f>E42*180</f>
        <v>0</v>
      </c>
      <c r="F43" s="247"/>
      <c r="G43" s="129" t="s">
        <v>23</v>
      </c>
      <c r="H43" s="143"/>
      <c r="I43" s="246">
        <f>I42*180</f>
        <v>0</v>
      </c>
      <c r="J43" s="247"/>
      <c r="K43" s="129" t="s">
        <v>23</v>
      </c>
      <c r="L43" s="143"/>
    </row>
    <row r="44" spans="1:12" ht="27.45" customHeight="1">
      <c r="A44" s="6"/>
      <c r="B44" s="250" t="s">
        <v>174</v>
      </c>
      <c r="C44" s="251"/>
      <c r="D44" s="252"/>
      <c r="E44" s="248"/>
      <c r="F44" s="249"/>
      <c r="G44" s="129" t="s">
        <v>23</v>
      </c>
      <c r="H44" s="143"/>
      <c r="I44" s="248"/>
      <c r="J44" s="249"/>
      <c r="K44" s="129" t="s">
        <v>23</v>
      </c>
      <c r="L44" s="143"/>
    </row>
    <row r="45" spans="1:12" ht="27.45" customHeight="1">
      <c r="A45" s="6"/>
      <c r="B45" s="250" t="s">
        <v>175</v>
      </c>
      <c r="C45" s="251"/>
      <c r="D45" s="252"/>
      <c r="E45" s="248"/>
      <c r="F45" s="249"/>
      <c r="G45" s="129" t="s">
        <v>23</v>
      </c>
      <c r="H45" s="143"/>
      <c r="I45" s="248"/>
      <c r="J45" s="249"/>
      <c r="K45" s="129" t="s">
        <v>23</v>
      </c>
      <c r="L45" s="143"/>
    </row>
    <row r="46" spans="1:12" ht="27.45" customHeight="1">
      <c r="A46" s="6"/>
      <c r="B46" s="250" t="s">
        <v>157</v>
      </c>
      <c r="C46" s="251"/>
      <c r="D46" s="252"/>
      <c r="E46" s="246">
        <f>E44-E45</f>
        <v>0</v>
      </c>
      <c r="F46" s="247"/>
      <c r="G46" s="129" t="s">
        <v>23</v>
      </c>
      <c r="H46" s="143"/>
      <c r="I46" s="246">
        <f>I44-I45</f>
        <v>0</v>
      </c>
      <c r="J46" s="247"/>
      <c r="K46" s="129" t="s">
        <v>23</v>
      </c>
      <c r="L46" s="143"/>
    </row>
    <row r="47" spans="1:12" ht="27.45" customHeight="1">
      <c r="A47" s="6"/>
      <c r="B47" s="250" t="s">
        <v>180</v>
      </c>
      <c r="C47" s="251"/>
      <c r="D47" s="252"/>
      <c r="E47" s="246">
        <f>E46-E42</f>
        <v>0</v>
      </c>
      <c r="F47" s="247"/>
      <c r="G47" s="129" t="s">
        <v>23</v>
      </c>
      <c r="H47" s="143"/>
      <c r="I47" s="246">
        <f>I46-I42</f>
        <v>0</v>
      </c>
      <c r="J47" s="247"/>
      <c r="K47" s="129" t="s">
        <v>23</v>
      </c>
      <c r="L47" s="143"/>
    </row>
    <row r="48" spans="1:12" ht="22.5" customHeight="1">
      <c r="A48" s="6"/>
      <c r="B48" s="20"/>
      <c r="C48" s="20" t="s">
        <v>159</v>
      </c>
      <c r="D48" s="21"/>
      <c r="E48" s="26"/>
      <c r="F48" s="26"/>
      <c r="G48" s="16"/>
      <c r="H48" s="16"/>
      <c r="I48" s="16"/>
      <c r="J48" s="16"/>
      <c r="K48" s="22"/>
      <c r="L48" s="143"/>
    </row>
    <row r="49" spans="1:17" ht="22.5" customHeight="1">
      <c r="A49" s="6"/>
      <c r="B49" s="240" t="s">
        <v>195</v>
      </c>
      <c r="C49" s="241"/>
      <c r="D49" s="241"/>
      <c r="E49" s="241"/>
      <c r="F49" s="241"/>
      <c r="G49" s="241"/>
      <c r="H49" s="241"/>
      <c r="I49" s="241"/>
      <c r="J49" s="241"/>
      <c r="K49" s="242"/>
      <c r="L49" s="143"/>
    </row>
    <row r="50" spans="1:17" ht="22.5" customHeight="1">
      <c r="A50" s="6"/>
      <c r="B50" s="241"/>
      <c r="C50" s="241"/>
      <c r="D50" s="241"/>
      <c r="E50" s="241"/>
      <c r="F50" s="241"/>
      <c r="G50" s="241"/>
      <c r="H50" s="241"/>
      <c r="I50" s="241"/>
      <c r="J50" s="241"/>
      <c r="K50" s="242"/>
      <c r="L50" s="143"/>
    </row>
    <row r="51" spans="1:17" ht="22.5" customHeight="1">
      <c r="A51" s="6"/>
      <c r="B51" s="173"/>
      <c r="C51" s="173"/>
      <c r="D51" s="173"/>
      <c r="E51" s="173"/>
      <c r="F51" s="173"/>
      <c r="G51" s="173"/>
      <c r="H51" s="173"/>
      <c r="I51" s="173"/>
      <c r="J51" s="173"/>
      <c r="K51" s="174"/>
      <c r="L51" s="143"/>
    </row>
    <row r="52" spans="1:17" ht="22.5" customHeight="1">
      <c r="A52" s="255" t="s">
        <v>50</v>
      </c>
      <c r="B52" s="256"/>
      <c r="C52" s="256"/>
      <c r="D52" s="256"/>
      <c r="E52" s="256"/>
      <c r="F52" s="256"/>
      <c r="G52" s="256"/>
      <c r="H52" s="256"/>
      <c r="I52" s="256"/>
      <c r="J52" s="256"/>
      <c r="K52" s="22"/>
      <c r="L52" s="143"/>
    </row>
    <row r="53" spans="1:17" ht="30" customHeight="1">
      <c r="A53" s="5"/>
      <c r="B53" s="20"/>
      <c r="C53" s="257" t="s">
        <v>49</v>
      </c>
      <c r="D53" s="257"/>
      <c r="E53" s="257"/>
      <c r="F53" s="257"/>
      <c r="G53" s="257"/>
      <c r="H53" s="257"/>
      <c r="I53" s="257"/>
      <c r="J53" s="257"/>
      <c r="K53" s="22"/>
      <c r="L53" s="143"/>
    </row>
    <row r="54" spans="1:17" s="144" customFormat="1" ht="19.95" customHeight="1">
      <c r="A54" s="158"/>
      <c r="B54" s="159"/>
      <c r="C54" s="159"/>
      <c r="D54" s="159"/>
      <c r="E54" s="159"/>
      <c r="F54" s="159"/>
      <c r="G54" s="159"/>
      <c r="H54" s="159"/>
      <c r="I54" s="159"/>
      <c r="J54" s="159"/>
      <c r="K54" s="160"/>
      <c r="M54" s="161"/>
      <c r="N54" s="161"/>
      <c r="O54" s="161"/>
      <c r="P54" s="161"/>
      <c r="Q54" s="161"/>
    </row>
    <row r="55" spans="1:17" s="144" customFormat="1" ht="19.95" customHeight="1">
      <c r="A55" s="8">
        <v>4</v>
      </c>
      <c r="B55" s="9" t="s">
        <v>51</v>
      </c>
      <c r="C55" s="9"/>
      <c r="D55" s="9"/>
      <c r="E55" s="9"/>
      <c r="F55" s="9"/>
      <c r="G55" s="9"/>
      <c r="H55" s="9"/>
      <c r="I55" s="9"/>
      <c r="J55" s="9"/>
      <c r="K55" s="10"/>
      <c r="M55"/>
      <c r="N55"/>
      <c r="O55"/>
      <c r="P55"/>
      <c r="Q55"/>
    </row>
    <row r="56" spans="1:17" ht="22.5" customHeight="1">
      <c r="A56" s="24"/>
      <c r="B56" s="258" t="s">
        <v>52</v>
      </c>
      <c r="C56" s="259"/>
      <c r="D56" s="259"/>
      <c r="E56" s="259"/>
      <c r="F56" s="228"/>
      <c r="G56" s="228"/>
      <c r="H56" s="228"/>
      <c r="I56" s="228"/>
      <c r="J56" s="41" t="s">
        <v>55</v>
      </c>
      <c r="K56" s="42"/>
      <c r="L56" s="143"/>
    </row>
    <row r="57" spans="1:17" ht="22.5" customHeight="1">
      <c r="A57" s="24"/>
      <c r="B57" s="258" t="s">
        <v>53</v>
      </c>
      <c r="C57" s="259"/>
      <c r="D57" s="259"/>
      <c r="E57" s="259"/>
      <c r="F57" s="228"/>
      <c r="G57" s="228"/>
      <c r="H57" s="228"/>
      <c r="I57" s="228"/>
      <c r="J57" s="41" t="s">
        <v>56</v>
      </c>
      <c r="K57" s="42"/>
      <c r="L57" s="143"/>
    </row>
    <row r="58" spans="1:17" ht="22.5" customHeight="1">
      <c r="A58" s="4"/>
      <c r="B58" s="263" t="s">
        <v>170</v>
      </c>
      <c r="C58" s="264"/>
      <c r="D58" s="264"/>
      <c r="E58" s="264"/>
      <c r="F58" s="265"/>
      <c r="G58" s="265"/>
      <c r="H58" s="265"/>
      <c r="I58" s="265"/>
      <c r="J58" s="265"/>
      <c r="K58" s="266"/>
      <c r="L58" s="143"/>
    </row>
    <row r="59" spans="1:17" ht="22.5" customHeight="1">
      <c r="A59" s="3"/>
      <c r="B59" s="27"/>
      <c r="C59" s="25"/>
      <c r="D59" s="25"/>
      <c r="E59" s="25"/>
      <c r="F59" s="267"/>
      <c r="G59" s="267"/>
      <c r="H59" s="267"/>
      <c r="I59" s="267"/>
      <c r="J59" s="267"/>
      <c r="K59" s="268"/>
      <c r="L59" s="143"/>
    </row>
    <row r="60" spans="1:17" ht="22.5" customHeight="1">
      <c r="A60" s="4"/>
      <c r="B60" s="269" t="s">
        <v>54</v>
      </c>
      <c r="C60" s="270"/>
      <c r="D60" s="271"/>
      <c r="E60" s="271"/>
      <c r="F60" s="271"/>
      <c r="G60" s="271"/>
      <c r="H60" s="271"/>
      <c r="I60" s="271"/>
      <c r="J60" s="271"/>
      <c r="K60" s="272"/>
      <c r="L60" s="143"/>
    </row>
    <row r="61" spans="1:17" ht="22.5" customHeight="1">
      <c r="A61" s="3"/>
      <c r="B61" s="23"/>
      <c r="C61" s="17"/>
      <c r="D61" s="273"/>
      <c r="E61" s="273"/>
      <c r="F61" s="273"/>
      <c r="G61" s="273"/>
      <c r="H61" s="273"/>
      <c r="I61" s="273"/>
      <c r="J61" s="273"/>
      <c r="K61" s="274"/>
      <c r="L61" s="143"/>
    </row>
    <row r="62" spans="1:17" s="144" customFormat="1" ht="19.95" customHeight="1">
      <c r="A62" s="8">
        <v>5</v>
      </c>
      <c r="B62" s="9" t="s">
        <v>176</v>
      </c>
      <c r="C62" s="9"/>
      <c r="D62" s="9"/>
      <c r="E62" s="9"/>
      <c r="F62" s="9"/>
      <c r="G62" s="9"/>
      <c r="H62" s="9"/>
      <c r="I62" s="9"/>
      <c r="J62" s="9"/>
      <c r="K62" s="10"/>
      <c r="L62" s="7"/>
      <c r="M62"/>
      <c r="N62"/>
      <c r="O62"/>
      <c r="P62"/>
      <c r="Q62"/>
    </row>
    <row r="63" spans="1:17" ht="22.5" customHeight="1">
      <c r="A63" s="260"/>
      <c r="B63" s="261"/>
      <c r="C63" s="261"/>
      <c r="D63" s="261"/>
      <c r="E63" s="261"/>
      <c r="F63" s="261"/>
      <c r="G63" s="261"/>
      <c r="H63" s="261"/>
      <c r="I63" s="261"/>
      <c r="J63" s="261"/>
      <c r="K63" s="262"/>
    </row>
    <row r="64" spans="1:17" ht="22.5" customHeight="1">
      <c r="A64" s="230"/>
      <c r="B64" s="231"/>
      <c r="C64" s="231"/>
      <c r="D64" s="231"/>
      <c r="E64" s="231"/>
      <c r="F64" s="231"/>
      <c r="G64" s="231"/>
      <c r="H64" s="231"/>
      <c r="I64" s="231"/>
      <c r="J64" s="231"/>
      <c r="K64" s="232"/>
    </row>
    <row r="65" spans="1:12" ht="22.5" customHeight="1">
      <c r="A65" s="8">
        <v>6</v>
      </c>
      <c r="B65" s="9" t="s">
        <v>20</v>
      </c>
      <c r="C65" s="9"/>
      <c r="D65" s="9"/>
      <c r="E65" s="9"/>
      <c r="F65" s="9"/>
      <c r="G65" s="9"/>
      <c r="H65" s="9"/>
      <c r="I65" s="9"/>
      <c r="J65" s="9"/>
      <c r="K65" s="10"/>
      <c r="L65" s="143"/>
    </row>
    <row r="66" spans="1:12" ht="56.25" customHeight="1">
      <c r="A66" s="260"/>
      <c r="B66" s="261"/>
      <c r="C66" s="261"/>
      <c r="D66" s="261"/>
      <c r="E66" s="261"/>
      <c r="F66" s="261"/>
      <c r="G66" s="261"/>
      <c r="H66" s="261"/>
      <c r="I66" s="261"/>
      <c r="J66" s="261"/>
      <c r="K66" s="262"/>
      <c r="L66" s="143"/>
    </row>
    <row r="67" spans="1:12" ht="56.25" customHeight="1">
      <c r="A67" s="230"/>
      <c r="B67" s="231"/>
      <c r="C67" s="231"/>
      <c r="D67" s="231"/>
      <c r="E67" s="231"/>
      <c r="F67" s="231"/>
      <c r="G67" s="231"/>
      <c r="H67" s="231"/>
      <c r="I67" s="231"/>
      <c r="J67" s="231"/>
      <c r="K67" s="232"/>
      <c r="L67" s="143"/>
    </row>
    <row r="68" spans="1:12" ht="22.5" customHeight="1">
      <c r="A68" s="8">
        <v>7</v>
      </c>
      <c r="B68" s="9" t="s">
        <v>31</v>
      </c>
      <c r="C68" s="9"/>
      <c r="D68" s="9"/>
      <c r="E68" s="9"/>
      <c r="F68" s="9"/>
      <c r="G68" s="9"/>
      <c r="H68" s="9"/>
      <c r="I68" s="9"/>
      <c r="J68" s="9"/>
      <c r="K68" s="10"/>
      <c r="L68" s="143"/>
    </row>
    <row r="69" spans="1:12" ht="22.5" customHeight="1">
      <c r="A69" s="36"/>
      <c r="B69" s="222" t="s">
        <v>34</v>
      </c>
      <c r="C69" s="223"/>
      <c r="D69" s="224"/>
      <c r="E69" s="225"/>
      <c r="F69" s="141" t="s">
        <v>12</v>
      </c>
      <c r="G69" s="226" t="s">
        <v>38</v>
      </c>
      <c r="H69" s="223"/>
      <c r="I69" s="227"/>
      <c r="J69" s="228"/>
      <c r="K69" s="229"/>
      <c r="L69" s="143"/>
    </row>
    <row r="70" spans="1:12" ht="22.5" customHeight="1">
      <c r="A70" s="36"/>
      <c r="B70" s="222" t="s">
        <v>35</v>
      </c>
      <c r="C70" s="223"/>
      <c r="D70" s="224"/>
      <c r="E70" s="225"/>
      <c r="F70" s="141" t="s">
        <v>12</v>
      </c>
      <c r="G70" s="226" t="s">
        <v>38</v>
      </c>
      <c r="H70" s="223"/>
      <c r="I70" s="227"/>
      <c r="J70" s="228"/>
      <c r="K70" s="229"/>
      <c r="L70" s="143"/>
    </row>
    <row r="71" spans="1:12" ht="22.5" customHeight="1">
      <c r="A71" s="37"/>
      <c r="B71" s="222" t="s">
        <v>36</v>
      </c>
      <c r="C71" s="223"/>
      <c r="D71" s="224"/>
      <c r="E71" s="225"/>
      <c r="F71" s="141" t="s">
        <v>12</v>
      </c>
      <c r="G71" s="226" t="s">
        <v>38</v>
      </c>
      <c r="H71" s="223"/>
      <c r="I71" s="227"/>
      <c r="J71" s="228"/>
      <c r="K71" s="229"/>
      <c r="L71" s="143"/>
    </row>
    <row r="72" spans="1:12" ht="22.5" customHeight="1">
      <c r="A72" s="33"/>
      <c r="B72" s="222" t="s">
        <v>37</v>
      </c>
      <c r="C72" s="223"/>
      <c r="D72" s="224"/>
      <c r="E72" s="225"/>
      <c r="F72" s="141" t="s">
        <v>12</v>
      </c>
      <c r="G72" s="226" t="s">
        <v>39</v>
      </c>
      <c r="H72" s="223"/>
      <c r="I72" s="227"/>
      <c r="J72" s="228"/>
      <c r="K72" s="229"/>
      <c r="L72" s="143"/>
    </row>
    <row r="73" spans="1:12" ht="22.5" customHeight="1">
      <c r="A73" s="8">
        <v>8</v>
      </c>
      <c r="B73" s="9" t="s">
        <v>33</v>
      </c>
      <c r="C73" s="9"/>
      <c r="D73" s="9"/>
      <c r="E73" s="9"/>
      <c r="F73" s="9"/>
      <c r="G73" s="9"/>
      <c r="H73" s="9"/>
      <c r="I73" s="9"/>
      <c r="J73" s="9"/>
      <c r="K73" s="10"/>
      <c r="L73" s="143"/>
    </row>
    <row r="74" spans="1:12" ht="22.5" customHeight="1">
      <c r="A74" s="37"/>
      <c r="B74" s="222" t="s">
        <v>40</v>
      </c>
      <c r="C74" s="223"/>
      <c r="D74" s="224"/>
      <c r="E74" s="225"/>
      <c r="F74" s="279"/>
      <c r="G74" s="226" t="s">
        <v>42</v>
      </c>
      <c r="H74" s="223"/>
      <c r="I74" s="224"/>
      <c r="J74" s="225"/>
      <c r="K74" s="279"/>
      <c r="L74" s="143"/>
    </row>
    <row r="75" spans="1:12" ht="22.5" customHeight="1">
      <c r="A75" s="37"/>
      <c r="B75" s="222" t="s">
        <v>41</v>
      </c>
      <c r="C75" s="223"/>
      <c r="D75" s="224"/>
      <c r="E75" s="225"/>
      <c r="F75" s="279"/>
      <c r="G75" s="226" t="s">
        <v>43</v>
      </c>
      <c r="H75" s="223"/>
      <c r="I75" s="280"/>
      <c r="J75" s="281"/>
      <c r="K75" s="282"/>
      <c r="L75" s="143"/>
    </row>
    <row r="76" spans="1:12" ht="22.5" customHeight="1">
      <c r="A76" s="8">
        <v>9</v>
      </c>
      <c r="B76" s="9" t="s">
        <v>32</v>
      </c>
      <c r="C76" s="9"/>
      <c r="D76" s="9"/>
      <c r="E76" s="9"/>
      <c r="F76" s="9"/>
      <c r="G76" s="9"/>
      <c r="H76" s="9"/>
      <c r="I76" s="9"/>
      <c r="J76" s="9"/>
      <c r="K76" s="10"/>
      <c r="L76" s="143"/>
    </row>
    <row r="77" spans="1:12" ht="60" customHeight="1">
      <c r="A77" s="233"/>
      <c r="B77" s="233"/>
      <c r="C77" s="233"/>
      <c r="D77" s="233"/>
      <c r="E77" s="233"/>
      <c r="F77" s="233"/>
      <c r="G77" s="233"/>
      <c r="H77" s="233"/>
      <c r="I77" s="233"/>
      <c r="J77" s="233"/>
      <c r="K77" s="233"/>
      <c r="L77" s="143"/>
    </row>
    <row r="78" spans="1:12" ht="22.5" customHeight="1">
      <c r="A78" s="8">
        <v>10</v>
      </c>
      <c r="B78" s="9" t="s">
        <v>25</v>
      </c>
      <c r="C78" s="9"/>
      <c r="D78" s="9"/>
      <c r="E78" s="9"/>
      <c r="F78" s="9"/>
      <c r="G78" s="9"/>
      <c r="H78" s="9"/>
      <c r="I78" s="9"/>
      <c r="J78" s="9"/>
      <c r="K78" s="10"/>
      <c r="L78" s="143"/>
    </row>
    <row r="79" spans="1:12" ht="60" customHeight="1">
      <c r="A79" s="230"/>
      <c r="B79" s="231"/>
      <c r="C79" s="231"/>
      <c r="D79" s="231"/>
      <c r="E79" s="231"/>
      <c r="F79" s="231"/>
      <c r="G79" s="231"/>
      <c r="H79" s="231"/>
      <c r="I79" s="231"/>
      <c r="J79" s="231"/>
      <c r="K79" s="232"/>
      <c r="L79" s="143"/>
    </row>
    <row r="80" spans="1:12" ht="22.5" customHeight="1">
      <c r="A80" s="8">
        <v>11</v>
      </c>
      <c r="B80" s="9" t="s">
        <v>14</v>
      </c>
      <c r="C80" s="9"/>
      <c r="D80" s="9"/>
      <c r="E80" s="9"/>
      <c r="F80" s="9"/>
      <c r="G80" s="9"/>
      <c r="H80" s="9"/>
      <c r="I80" s="9"/>
      <c r="J80" s="9"/>
      <c r="K80" s="10"/>
      <c r="L80" s="143"/>
    </row>
    <row r="81" spans="1:12" ht="25.2" customHeight="1">
      <c r="A81" s="234" t="s">
        <v>15</v>
      </c>
      <c r="B81" s="234"/>
      <c r="C81" s="235"/>
      <c r="D81" s="236"/>
      <c r="E81" s="236"/>
      <c r="F81" s="236"/>
      <c r="G81" s="236"/>
      <c r="H81" s="236"/>
      <c r="I81" s="236"/>
      <c r="J81" s="236"/>
      <c r="K81" s="236"/>
      <c r="L81" s="143"/>
    </row>
    <row r="82" spans="1:12" ht="25.2" customHeight="1">
      <c r="A82" s="237" t="s">
        <v>24</v>
      </c>
      <c r="B82" s="237"/>
      <c r="C82" s="238"/>
      <c r="D82" s="238"/>
      <c r="E82" s="238"/>
      <c r="F82" s="238"/>
      <c r="G82" s="238"/>
      <c r="H82" s="238"/>
      <c r="I82" s="238"/>
      <c r="J82" s="238"/>
      <c r="K82" s="238"/>
      <c r="L82" s="143"/>
    </row>
    <row r="83" spans="1:12" ht="10.199999999999999" customHeight="1">
      <c r="A83" s="5"/>
      <c r="B83" s="5"/>
      <c r="C83" s="29"/>
      <c r="D83" s="29"/>
      <c r="E83" s="29"/>
      <c r="F83" s="29"/>
      <c r="G83" s="29"/>
      <c r="H83" s="29"/>
      <c r="I83" s="29"/>
      <c r="J83" s="29"/>
      <c r="K83" s="29"/>
    </row>
    <row r="84" spans="1:12" ht="22.5" customHeight="1">
      <c r="A84" s="5"/>
      <c r="B84" s="5"/>
      <c r="C84" s="5"/>
      <c r="D84" s="5"/>
      <c r="E84" s="5"/>
      <c r="F84" s="5"/>
      <c r="G84" s="5"/>
      <c r="H84" s="239"/>
      <c r="I84" s="239"/>
      <c r="J84" s="239"/>
      <c r="K84" s="239"/>
    </row>
  </sheetData>
  <customSheetViews>
    <customSheetView guid="{864473BD-17CB-4242-8B82-DC63A9F91306}" showPageBreaks="1" fitToPage="1" printArea="1" view="pageBreakPreview" topLeftCell="A34">
      <selection activeCell="A43" sqref="A43:K44"/>
      <rowBreaks count="1" manualBreakCount="1">
        <brk id="34" max="11" man="1"/>
      </rowBreaks>
      <pageMargins left="0.78740157480314965" right="0.78740157480314965" top="0.55118110236220474" bottom="0.55118110236220474" header="0.31496062992125984" footer="0.31496062992125984"/>
      <pageSetup paperSize="9" scale="96" fitToHeight="0" orientation="portrait" r:id="rId1"/>
    </customSheetView>
  </customSheetViews>
  <mergeCells count="126">
    <mergeCell ref="E46:F46"/>
    <mergeCell ref="I46:J46"/>
    <mergeCell ref="A2:K2"/>
    <mergeCell ref="B11:C11"/>
    <mergeCell ref="D11:K11"/>
    <mergeCell ref="A14:K14"/>
    <mergeCell ref="D15:F15"/>
    <mergeCell ref="D16:F16"/>
    <mergeCell ref="B12:D12"/>
    <mergeCell ref="E12:F12"/>
    <mergeCell ref="B15:C15"/>
    <mergeCell ref="B16:C16"/>
    <mergeCell ref="B9:K9"/>
    <mergeCell ref="A4:C4"/>
    <mergeCell ref="D4:K4"/>
    <mergeCell ref="A5:C5"/>
    <mergeCell ref="D5:K5"/>
    <mergeCell ref="I27:J27"/>
    <mergeCell ref="B23:D23"/>
    <mergeCell ref="E23:F23"/>
    <mergeCell ref="C8:D8"/>
    <mergeCell ref="E27:F27"/>
    <mergeCell ref="B25:D25"/>
    <mergeCell ref="A17:K17"/>
    <mergeCell ref="B18:B19"/>
    <mergeCell ref="I22:K22"/>
    <mergeCell ref="E22:G22"/>
    <mergeCell ref="I23:J23"/>
    <mergeCell ref="I25:J25"/>
    <mergeCell ref="I26:J26"/>
    <mergeCell ref="D72:E72"/>
    <mergeCell ref="G70:H70"/>
    <mergeCell ref="I70:K70"/>
    <mergeCell ref="G71:H71"/>
    <mergeCell ref="I71:K71"/>
    <mergeCell ref="B72:C72"/>
    <mergeCell ref="G72:H72"/>
    <mergeCell ref="I72:K72"/>
    <mergeCell ref="B71:C71"/>
    <mergeCell ref="C18:H18"/>
    <mergeCell ref="E37:F37"/>
    <mergeCell ref="I18:J18"/>
    <mergeCell ref="C19:H19"/>
    <mergeCell ref="I19:J19"/>
    <mergeCell ref="C20:H20"/>
    <mergeCell ref="E33:F33"/>
    <mergeCell ref="A21:J21"/>
    <mergeCell ref="E36:F36"/>
    <mergeCell ref="H84:K84"/>
    <mergeCell ref="B74:C74"/>
    <mergeCell ref="G74:H74"/>
    <mergeCell ref="B75:C75"/>
    <mergeCell ref="G75:H75"/>
    <mergeCell ref="A77:K77"/>
    <mergeCell ref="A79:K79"/>
    <mergeCell ref="D74:F74"/>
    <mergeCell ref="D75:F75"/>
    <mergeCell ref="I74:K74"/>
    <mergeCell ref="I75:K75"/>
    <mergeCell ref="A81:B81"/>
    <mergeCell ref="C81:K81"/>
    <mergeCell ref="A82:B82"/>
    <mergeCell ref="C82:K82"/>
    <mergeCell ref="E26:F26"/>
    <mergeCell ref="E25:F25"/>
    <mergeCell ref="B35:D35"/>
    <mergeCell ref="B36:D36"/>
    <mergeCell ref="B32:D32"/>
    <mergeCell ref="I36:J36"/>
    <mergeCell ref="I37:J37"/>
    <mergeCell ref="I32:K32"/>
    <mergeCell ref="B26:D26"/>
    <mergeCell ref="A31:J31"/>
    <mergeCell ref="E34:F34"/>
    <mergeCell ref="B27:D27"/>
    <mergeCell ref="B33:D33"/>
    <mergeCell ref="B34:D34"/>
    <mergeCell ref="B28:K29"/>
    <mergeCell ref="D71:E71"/>
    <mergeCell ref="I38:J38"/>
    <mergeCell ref="A52:J52"/>
    <mergeCell ref="C53:J53"/>
    <mergeCell ref="B56:E56"/>
    <mergeCell ref="F56:I56"/>
    <mergeCell ref="A63:K64"/>
    <mergeCell ref="B58:E58"/>
    <mergeCell ref="F58:K59"/>
    <mergeCell ref="B60:C60"/>
    <mergeCell ref="D60:K61"/>
    <mergeCell ref="B38:D38"/>
    <mergeCell ref="E38:F38"/>
    <mergeCell ref="B57:E57"/>
    <mergeCell ref="F57:I57"/>
    <mergeCell ref="A66:K67"/>
    <mergeCell ref="B69:C69"/>
    <mergeCell ref="G69:H69"/>
    <mergeCell ref="B43:D43"/>
    <mergeCell ref="E43:F43"/>
    <mergeCell ref="I43:J43"/>
    <mergeCell ref="B44:D44"/>
    <mergeCell ref="E44:F44"/>
    <mergeCell ref="I44:J44"/>
    <mergeCell ref="B49:K50"/>
    <mergeCell ref="E32:G32"/>
    <mergeCell ref="I33:J33"/>
    <mergeCell ref="I34:J34"/>
    <mergeCell ref="I35:J35"/>
    <mergeCell ref="I69:K69"/>
    <mergeCell ref="B70:C70"/>
    <mergeCell ref="D69:E69"/>
    <mergeCell ref="D70:E70"/>
    <mergeCell ref="B37:D37"/>
    <mergeCell ref="B41:D41"/>
    <mergeCell ref="E41:G41"/>
    <mergeCell ref="I41:K41"/>
    <mergeCell ref="B42:D42"/>
    <mergeCell ref="E42:F42"/>
    <mergeCell ref="I42:J42"/>
    <mergeCell ref="B47:D47"/>
    <mergeCell ref="E47:F47"/>
    <mergeCell ref="I47:J47"/>
    <mergeCell ref="B45:D45"/>
    <mergeCell ref="E45:F45"/>
    <mergeCell ref="I45:J45"/>
    <mergeCell ref="B46:D46"/>
    <mergeCell ref="E35:F35"/>
  </mergeCells>
  <phoneticPr fontId="8"/>
  <dataValidations count="8">
    <dataValidation type="list" allowBlank="1" showInputMessage="1" showErrorMessage="1" sqref="B9:K9" xr:uid="{00000000-0002-0000-0200-000000000000}">
      <formula1>"（選択してください）, このプランは初期費用が一切かからないものです。, このプランは工事代が別途かかります。"</formula1>
    </dataValidation>
    <dataValidation allowBlank="1" showInputMessage="1" showErrorMessage="1" promptTitle="補助金未適用金額の記載" prompt="補助金を適用していない金額を記載してください。" sqref="I33:J33 I23 I42:J42" xr:uid="{00000000-0002-0000-0200-000001000000}"/>
    <dataValidation allowBlank="1" showInputMessage="1" showErrorMessage="1" promptTitle="太陽光モジュールのメーカー" prompt="使用する可能性のあるメーカーはすべて記載してください。" sqref="A63:K64" xr:uid="{00000000-0002-0000-0200-000002000000}"/>
    <dataValidation allowBlank="1" showInputMessage="1" showErrorMessage="1" promptTitle="事業プランの説明・アピールポイント等" prompt="貴社がPRしたいプランの内容を記載してください。" sqref="A66:K67" xr:uid="{00000000-0002-0000-0200-000003000000}"/>
    <dataValidation type="list" allowBlank="1" showInputMessage="1" showErrorMessage="1" sqref="C8:D8" xr:uid="{00000000-0002-0000-0200-000004000000}">
      <formula1>"（選択してください）, 電力販売, リース, 自己所有モデル"</formula1>
    </dataValidation>
    <dataValidation allowBlank="1" showInputMessage="1" showErrorMessage="1" promptTitle="補助金適用「後」金額の記載" prompt="補助金を適用している金額を記載してください。" sqref="E23:F23 E33:F33 E42:F42" xr:uid="{00000000-0002-0000-0200-000005000000}"/>
    <dataValidation allowBlank="1" showInputMessage="1" showErrorMessage="1" promptTitle="自動入力されます" prompt="様式１（登録申請）のシートの内容を自動的に反映します。_x000a_反映されない場合は、直接入力してください。" sqref="D4:K5" xr:uid="{00000000-0002-0000-0200-000006000000}"/>
    <dataValidation allowBlank="1" showInputMessage="1" showErrorMessage="1" promptTitle="該当のプランがない場合" prompt="該当のプランがない場合は適宜変更のうえご記載ください。" sqref="B16:K16" xr:uid="{00000000-0002-0000-0200-000007000000}"/>
  </dataValidations>
  <printOptions horizontalCentered="1"/>
  <pageMargins left="0.59055118110236227" right="0.59055118110236227" top="0.59055118110236227" bottom="0.59055118110236227" header="0.31496062992125984" footer="0.31496062992125984"/>
  <pageSetup paperSize="9" firstPageNumber="2" fitToHeight="0" orientation="portrait" blackAndWhite="1"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55"/>
  <sheetViews>
    <sheetView view="pageBreakPreview" zoomScaleNormal="100" zoomScaleSheetLayoutView="100" workbookViewId="0">
      <selection activeCell="A2" sqref="A2"/>
    </sheetView>
  </sheetViews>
  <sheetFormatPr defaultRowHeight="14.4"/>
  <cols>
    <col min="1" max="1" width="6.44140625" style="31" customWidth="1"/>
    <col min="2" max="8" width="11.33203125" style="31" customWidth="1"/>
    <col min="9" max="9" width="21.33203125" style="31" customWidth="1"/>
    <col min="10" max="10" width="8.88671875" style="31"/>
    <col min="11" max="11" width="10" style="31" customWidth="1"/>
    <col min="12" max="255" width="8.88671875" style="31"/>
    <col min="256" max="256" width="6.44140625" style="31" customWidth="1"/>
    <col min="257" max="263" width="8.88671875" style="31"/>
    <col min="264" max="264" width="21.33203125" style="31" customWidth="1"/>
    <col min="265" max="266" width="8.88671875" style="31"/>
    <col min="267" max="267" width="0" style="31" hidden="1" customWidth="1"/>
    <col min="268" max="511" width="8.88671875" style="31"/>
    <col min="512" max="512" width="6.44140625" style="31" customWidth="1"/>
    <col min="513" max="519" width="8.88671875" style="31"/>
    <col min="520" max="520" width="21.33203125" style="31" customWidth="1"/>
    <col min="521" max="522" width="8.88671875" style="31"/>
    <col min="523" max="523" width="0" style="31" hidden="1" customWidth="1"/>
    <col min="524" max="767" width="8.88671875" style="31"/>
    <col min="768" max="768" width="6.44140625" style="31" customWidth="1"/>
    <col min="769" max="775" width="8.88671875" style="31"/>
    <col min="776" max="776" width="21.33203125" style="31" customWidth="1"/>
    <col min="777" max="778" width="8.88671875" style="31"/>
    <col min="779" max="779" width="0" style="31" hidden="1" customWidth="1"/>
    <col min="780" max="1023" width="8.88671875" style="31"/>
    <col min="1024" max="1024" width="6.44140625" style="31" customWidth="1"/>
    <col min="1025" max="1031" width="8.88671875" style="31"/>
    <col min="1032" max="1032" width="21.33203125" style="31" customWidth="1"/>
    <col min="1033" max="1034" width="8.88671875" style="31"/>
    <col min="1035" max="1035" width="0" style="31" hidden="1" customWidth="1"/>
    <col min="1036" max="1279" width="8.88671875" style="31"/>
    <col min="1280" max="1280" width="6.44140625" style="31" customWidth="1"/>
    <col min="1281" max="1287" width="8.88671875" style="31"/>
    <col min="1288" max="1288" width="21.33203125" style="31" customWidth="1"/>
    <col min="1289" max="1290" width="8.88671875" style="31"/>
    <col min="1291" max="1291" width="0" style="31" hidden="1" customWidth="1"/>
    <col min="1292" max="1535" width="8.88671875" style="31"/>
    <col min="1536" max="1536" width="6.44140625" style="31" customWidth="1"/>
    <col min="1537" max="1543" width="8.88671875" style="31"/>
    <col min="1544" max="1544" width="21.33203125" style="31" customWidth="1"/>
    <col min="1545" max="1546" width="8.88671875" style="31"/>
    <col min="1547" max="1547" width="0" style="31" hidden="1" customWidth="1"/>
    <col min="1548" max="1791" width="8.88671875" style="31"/>
    <col min="1792" max="1792" width="6.44140625" style="31" customWidth="1"/>
    <col min="1793" max="1799" width="8.88671875" style="31"/>
    <col min="1800" max="1800" width="21.33203125" style="31" customWidth="1"/>
    <col min="1801" max="1802" width="8.88671875" style="31"/>
    <col min="1803" max="1803" width="0" style="31" hidden="1" customWidth="1"/>
    <col min="1804" max="2047" width="8.88671875" style="31"/>
    <col min="2048" max="2048" width="6.44140625" style="31" customWidth="1"/>
    <col min="2049" max="2055" width="8.88671875" style="31"/>
    <col min="2056" max="2056" width="21.33203125" style="31" customWidth="1"/>
    <col min="2057" max="2058" width="8.88671875" style="31"/>
    <col min="2059" max="2059" width="0" style="31" hidden="1" customWidth="1"/>
    <col min="2060" max="2303" width="8.88671875" style="31"/>
    <col min="2304" max="2304" width="6.44140625" style="31" customWidth="1"/>
    <col min="2305" max="2311" width="8.88671875" style="31"/>
    <col min="2312" max="2312" width="21.33203125" style="31" customWidth="1"/>
    <col min="2313" max="2314" width="8.88671875" style="31"/>
    <col min="2315" max="2315" width="0" style="31" hidden="1" customWidth="1"/>
    <col min="2316" max="2559" width="8.88671875" style="31"/>
    <col min="2560" max="2560" width="6.44140625" style="31" customWidth="1"/>
    <col min="2561" max="2567" width="8.88671875" style="31"/>
    <col min="2568" max="2568" width="21.33203125" style="31" customWidth="1"/>
    <col min="2569" max="2570" width="8.88671875" style="31"/>
    <col min="2571" max="2571" width="0" style="31" hidden="1" customWidth="1"/>
    <col min="2572" max="2815" width="8.88671875" style="31"/>
    <col min="2816" max="2816" width="6.44140625" style="31" customWidth="1"/>
    <col min="2817" max="2823" width="8.88671875" style="31"/>
    <col min="2824" max="2824" width="21.33203125" style="31" customWidth="1"/>
    <col min="2825" max="2826" width="8.88671875" style="31"/>
    <col min="2827" max="2827" width="0" style="31" hidden="1" customWidth="1"/>
    <col min="2828" max="3071" width="8.88671875" style="31"/>
    <col min="3072" max="3072" width="6.44140625" style="31" customWidth="1"/>
    <col min="3073" max="3079" width="8.88671875" style="31"/>
    <col min="3080" max="3080" width="21.33203125" style="31" customWidth="1"/>
    <col min="3081" max="3082" width="8.88671875" style="31"/>
    <col min="3083" max="3083" width="0" style="31" hidden="1" customWidth="1"/>
    <col min="3084" max="3327" width="8.88671875" style="31"/>
    <col min="3328" max="3328" width="6.44140625" style="31" customWidth="1"/>
    <col min="3329" max="3335" width="8.88671875" style="31"/>
    <col min="3336" max="3336" width="21.33203125" style="31" customWidth="1"/>
    <col min="3337" max="3338" width="8.88671875" style="31"/>
    <col min="3339" max="3339" width="0" style="31" hidden="1" customWidth="1"/>
    <col min="3340" max="3583" width="8.88671875" style="31"/>
    <col min="3584" max="3584" width="6.44140625" style="31" customWidth="1"/>
    <col min="3585" max="3591" width="8.88671875" style="31"/>
    <col min="3592" max="3592" width="21.33203125" style="31" customWidth="1"/>
    <col min="3593" max="3594" width="8.88671875" style="31"/>
    <col min="3595" max="3595" width="0" style="31" hidden="1" customWidth="1"/>
    <col min="3596" max="3839" width="8.88671875" style="31"/>
    <col min="3840" max="3840" width="6.44140625" style="31" customWidth="1"/>
    <col min="3841" max="3847" width="8.88671875" style="31"/>
    <col min="3848" max="3848" width="21.33203125" style="31" customWidth="1"/>
    <col min="3849" max="3850" width="8.88671875" style="31"/>
    <col min="3851" max="3851" width="0" style="31" hidden="1" customWidth="1"/>
    <col min="3852" max="4095" width="8.88671875" style="31"/>
    <col min="4096" max="4096" width="6.44140625" style="31" customWidth="1"/>
    <col min="4097" max="4103" width="8.88671875" style="31"/>
    <col min="4104" max="4104" width="21.33203125" style="31" customWidth="1"/>
    <col min="4105" max="4106" width="8.88671875" style="31"/>
    <col min="4107" max="4107" width="0" style="31" hidden="1" customWidth="1"/>
    <col min="4108" max="4351" width="8.88671875" style="31"/>
    <col min="4352" max="4352" width="6.44140625" style="31" customWidth="1"/>
    <col min="4353" max="4359" width="8.88671875" style="31"/>
    <col min="4360" max="4360" width="21.33203125" style="31" customWidth="1"/>
    <col min="4361" max="4362" width="8.88671875" style="31"/>
    <col min="4363" max="4363" width="0" style="31" hidden="1" customWidth="1"/>
    <col min="4364" max="4607" width="8.88671875" style="31"/>
    <col min="4608" max="4608" width="6.44140625" style="31" customWidth="1"/>
    <col min="4609" max="4615" width="8.88671875" style="31"/>
    <col min="4616" max="4616" width="21.33203125" style="31" customWidth="1"/>
    <col min="4617" max="4618" width="8.88671875" style="31"/>
    <col min="4619" max="4619" width="0" style="31" hidden="1" customWidth="1"/>
    <col min="4620" max="4863" width="8.88671875" style="31"/>
    <col min="4864" max="4864" width="6.44140625" style="31" customWidth="1"/>
    <col min="4865" max="4871" width="8.88671875" style="31"/>
    <col min="4872" max="4872" width="21.33203125" style="31" customWidth="1"/>
    <col min="4873" max="4874" width="8.88671875" style="31"/>
    <col min="4875" max="4875" width="0" style="31" hidden="1" customWidth="1"/>
    <col min="4876" max="5119" width="8.88671875" style="31"/>
    <col min="5120" max="5120" width="6.44140625" style="31" customWidth="1"/>
    <col min="5121" max="5127" width="8.88671875" style="31"/>
    <col min="5128" max="5128" width="21.33203125" style="31" customWidth="1"/>
    <col min="5129" max="5130" width="8.88671875" style="31"/>
    <col min="5131" max="5131" width="0" style="31" hidden="1" customWidth="1"/>
    <col min="5132" max="5375" width="8.88671875" style="31"/>
    <col min="5376" max="5376" width="6.44140625" style="31" customWidth="1"/>
    <col min="5377" max="5383" width="8.88671875" style="31"/>
    <col min="5384" max="5384" width="21.33203125" style="31" customWidth="1"/>
    <col min="5385" max="5386" width="8.88671875" style="31"/>
    <col min="5387" max="5387" width="0" style="31" hidden="1" customWidth="1"/>
    <col min="5388" max="5631" width="8.88671875" style="31"/>
    <col min="5632" max="5632" width="6.44140625" style="31" customWidth="1"/>
    <col min="5633" max="5639" width="8.88671875" style="31"/>
    <col min="5640" max="5640" width="21.33203125" style="31" customWidth="1"/>
    <col min="5641" max="5642" width="8.88671875" style="31"/>
    <col min="5643" max="5643" width="0" style="31" hidden="1" customWidth="1"/>
    <col min="5644" max="5887" width="8.88671875" style="31"/>
    <col min="5888" max="5888" width="6.44140625" style="31" customWidth="1"/>
    <col min="5889" max="5895" width="8.88671875" style="31"/>
    <col min="5896" max="5896" width="21.33203125" style="31" customWidth="1"/>
    <col min="5897" max="5898" width="8.88671875" style="31"/>
    <col min="5899" max="5899" width="0" style="31" hidden="1" customWidth="1"/>
    <col min="5900" max="6143" width="8.88671875" style="31"/>
    <col min="6144" max="6144" width="6.44140625" style="31" customWidth="1"/>
    <col min="6145" max="6151" width="8.88671875" style="31"/>
    <col min="6152" max="6152" width="21.33203125" style="31" customWidth="1"/>
    <col min="6153" max="6154" width="8.88671875" style="31"/>
    <col min="6155" max="6155" width="0" style="31" hidden="1" customWidth="1"/>
    <col min="6156" max="6399" width="8.88671875" style="31"/>
    <col min="6400" max="6400" width="6.44140625" style="31" customWidth="1"/>
    <col min="6401" max="6407" width="8.88671875" style="31"/>
    <col min="6408" max="6408" width="21.33203125" style="31" customWidth="1"/>
    <col min="6409" max="6410" width="8.88671875" style="31"/>
    <col min="6411" max="6411" width="0" style="31" hidden="1" customWidth="1"/>
    <col min="6412" max="6655" width="8.88671875" style="31"/>
    <col min="6656" max="6656" width="6.44140625" style="31" customWidth="1"/>
    <col min="6657" max="6663" width="8.88671875" style="31"/>
    <col min="6664" max="6664" width="21.33203125" style="31" customWidth="1"/>
    <col min="6665" max="6666" width="8.88671875" style="31"/>
    <col min="6667" max="6667" width="0" style="31" hidden="1" customWidth="1"/>
    <col min="6668" max="6911" width="8.88671875" style="31"/>
    <col min="6912" max="6912" width="6.44140625" style="31" customWidth="1"/>
    <col min="6913" max="6919" width="8.88671875" style="31"/>
    <col min="6920" max="6920" width="21.33203125" style="31" customWidth="1"/>
    <col min="6921" max="6922" width="8.88671875" style="31"/>
    <col min="6923" max="6923" width="0" style="31" hidden="1" customWidth="1"/>
    <col min="6924" max="7167" width="8.88671875" style="31"/>
    <col min="7168" max="7168" width="6.44140625" style="31" customWidth="1"/>
    <col min="7169" max="7175" width="8.88671875" style="31"/>
    <col min="7176" max="7176" width="21.33203125" style="31" customWidth="1"/>
    <col min="7177" max="7178" width="8.88671875" style="31"/>
    <col min="7179" max="7179" width="0" style="31" hidden="1" customWidth="1"/>
    <col min="7180" max="7423" width="8.88671875" style="31"/>
    <col min="7424" max="7424" width="6.44140625" style="31" customWidth="1"/>
    <col min="7425" max="7431" width="8.88671875" style="31"/>
    <col min="7432" max="7432" width="21.33203125" style="31" customWidth="1"/>
    <col min="7433" max="7434" width="8.88671875" style="31"/>
    <col min="7435" max="7435" width="0" style="31" hidden="1" customWidth="1"/>
    <col min="7436" max="7679" width="8.88671875" style="31"/>
    <col min="7680" max="7680" width="6.44140625" style="31" customWidth="1"/>
    <col min="7681" max="7687" width="8.88671875" style="31"/>
    <col min="7688" max="7688" width="21.33203125" style="31" customWidth="1"/>
    <col min="7689" max="7690" width="8.88671875" style="31"/>
    <col min="7691" max="7691" width="0" style="31" hidden="1" customWidth="1"/>
    <col min="7692" max="7935" width="8.88671875" style="31"/>
    <col min="7936" max="7936" width="6.44140625" style="31" customWidth="1"/>
    <col min="7937" max="7943" width="8.88671875" style="31"/>
    <col min="7944" max="7944" width="21.33203125" style="31" customWidth="1"/>
    <col min="7945" max="7946" width="8.88671875" style="31"/>
    <col min="7947" max="7947" width="0" style="31" hidden="1" customWidth="1"/>
    <col min="7948" max="8191" width="8.88671875" style="31"/>
    <col min="8192" max="8192" width="6.44140625" style="31" customWidth="1"/>
    <col min="8193" max="8199" width="8.88671875" style="31"/>
    <col min="8200" max="8200" width="21.33203125" style="31" customWidth="1"/>
    <col min="8201" max="8202" width="8.88671875" style="31"/>
    <col min="8203" max="8203" width="0" style="31" hidden="1" customWidth="1"/>
    <col min="8204" max="8447" width="8.88671875" style="31"/>
    <col min="8448" max="8448" width="6.44140625" style="31" customWidth="1"/>
    <col min="8449" max="8455" width="8.88671875" style="31"/>
    <col min="8456" max="8456" width="21.33203125" style="31" customWidth="1"/>
    <col min="8457" max="8458" width="8.88671875" style="31"/>
    <col min="8459" max="8459" width="0" style="31" hidden="1" customWidth="1"/>
    <col min="8460" max="8703" width="8.88671875" style="31"/>
    <col min="8704" max="8704" width="6.44140625" style="31" customWidth="1"/>
    <col min="8705" max="8711" width="8.88671875" style="31"/>
    <col min="8712" max="8712" width="21.33203125" style="31" customWidth="1"/>
    <col min="8713" max="8714" width="8.88671875" style="31"/>
    <col min="8715" max="8715" width="0" style="31" hidden="1" customWidth="1"/>
    <col min="8716" max="8959" width="8.88671875" style="31"/>
    <col min="8960" max="8960" width="6.44140625" style="31" customWidth="1"/>
    <col min="8961" max="8967" width="8.88671875" style="31"/>
    <col min="8968" max="8968" width="21.33203125" style="31" customWidth="1"/>
    <col min="8969" max="8970" width="8.88671875" style="31"/>
    <col min="8971" max="8971" width="0" style="31" hidden="1" customWidth="1"/>
    <col min="8972" max="9215" width="8.88671875" style="31"/>
    <col min="9216" max="9216" width="6.44140625" style="31" customWidth="1"/>
    <col min="9217" max="9223" width="8.88671875" style="31"/>
    <col min="9224" max="9224" width="21.33203125" style="31" customWidth="1"/>
    <col min="9225" max="9226" width="8.88671875" style="31"/>
    <col min="9227" max="9227" width="0" style="31" hidden="1" customWidth="1"/>
    <col min="9228" max="9471" width="8.88671875" style="31"/>
    <col min="9472" max="9472" width="6.44140625" style="31" customWidth="1"/>
    <col min="9473" max="9479" width="8.88671875" style="31"/>
    <col min="9480" max="9480" width="21.33203125" style="31" customWidth="1"/>
    <col min="9481" max="9482" width="8.88671875" style="31"/>
    <col min="9483" max="9483" width="0" style="31" hidden="1" customWidth="1"/>
    <col min="9484" max="9727" width="8.88671875" style="31"/>
    <col min="9728" max="9728" width="6.44140625" style="31" customWidth="1"/>
    <col min="9729" max="9735" width="8.88671875" style="31"/>
    <col min="9736" max="9736" width="21.33203125" style="31" customWidth="1"/>
    <col min="9737" max="9738" width="8.88671875" style="31"/>
    <col min="9739" max="9739" width="0" style="31" hidden="1" customWidth="1"/>
    <col min="9740" max="9983" width="8.88671875" style="31"/>
    <col min="9984" max="9984" width="6.44140625" style="31" customWidth="1"/>
    <col min="9985" max="9991" width="8.88671875" style="31"/>
    <col min="9992" max="9992" width="21.33203125" style="31" customWidth="1"/>
    <col min="9993" max="9994" width="8.88671875" style="31"/>
    <col min="9995" max="9995" width="0" style="31" hidden="1" customWidth="1"/>
    <col min="9996" max="10239" width="8.88671875" style="31"/>
    <col min="10240" max="10240" width="6.44140625" style="31" customWidth="1"/>
    <col min="10241" max="10247" width="8.88671875" style="31"/>
    <col min="10248" max="10248" width="21.33203125" style="31" customWidth="1"/>
    <col min="10249" max="10250" width="8.88671875" style="31"/>
    <col min="10251" max="10251" width="0" style="31" hidden="1" customWidth="1"/>
    <col min="10252" max="10495" width="8.88671875" style="31"/>
    <col min="10496" max="10496" width="6.44140625" style="31" customWidth="1"/>
    <col min="10497" max="10503" width="8.88671875" style="31"/>
    <col min="10504" max="10504" width="21.33203125" style="31" customWidth="1"/>
    <col min="10505" max="10506" width="8.88671875" style="31"/>
    <col min="10507" max="10507" width="0" style="31" hidden="1" customWidth="1"/>
    <col min="10508" max="10751" width="8.88671875" style="31"/>
    <col min="10752" max="10752" width="6.44140625" style="31" customWidth="1"/>
    <col min="10753" max="10759" width="8.88671875" style="31"/>
    <col min="10760" max="10760" width="21.33203125" style="31" customWidth="1"/>
    <col min="10761" max="10762" width="8.88671875" style="31"/>
    <col min="10763" max="10763" width="0" style="31" hidden="1" customWidth="1"/>
    <col min="10764" max="11007" width="8.88671875" style="31"/>
    <col min="11008" max="11008" width="6.44140625" style="31" customWidth="1"/>
    <col min="11009" max="11015" width="8.88671875" style="31"/>
    <col min="11016" max="11016" width="21.33203125" style="31" customWidth="1"/>
    <col min="11017" max="11018" width="8.88671875" style="31"/>
    <col min="11019" max="11019" width="0" style="31" hidden="1" customWidth="1"/>
    <col min="11020" max="11263" width="8.88671875" style="31"/>
    <col min="11264" max="11264" width="6.44140625" style="31" customWidth="1"/>
    <col min="11265" max="11271" width="8.88671875" style="31"/>
    <col min="11272" max="11272" width="21.33203125" style="31" customWidth="1"/>
    <col min="11273" max="11274" width="8.88671875" style="31"/>
    <col min="11275" max="11275" width="0" style="31" hidden="1" customWidth="1"/>
    <col min="11276" max="11519" width="8.88671875" style="31"/>
    <col min="11520" max="11520" width="6.44140625" style="31" customWidth="1"/>
    <col min="11521" max="11527" width="8.88671875" style="31"/>
    <col min="11528" max="11528" width="21.33203125" style="31" customWidth="1"/>
    <col min="11529" max="11530" width="8.88671875" style="31"/>
    <col min="11531" max="11531" width="0" style="31" hidden="1" customWidth="1"/>
    <col min="11532" max="11775" width="8.88671875" style="31"/>
    <col min="11776" max="11776" width="6.44140625" style="31" customWidth="1"/>
    <col min="11777" max="11783" width="8.88671875" style="31"/>
    <col min="11784" max="11784" width="21.33203125" style="31" customWidth="1"/>
    <col min="11785" max="11786" width="8.88671875" style="31"/>
    <col min="11787" max="11787" width="0" style="31" hidden="1" customWidth="1"/>
    <col min="11788" max="12031" width="8.88671875" style="31"/>
    <col min="12032" max="12032" width="6.44140625" style="31" customWidth="1"/>
    <col min="12033" max="12039" width="8.88671875" style="31"/>
    <col min="12040" max="12040" width="21.33203125" style="31" customWidth="1"/>
    <col min="12041" max="12042" width="8.88671875" style="31"/>
    <col min="12043" max="12043" width="0" style="31" hidden="1" customWidth="1"/>
    <col min="12044" max="12287" width="8.88671875" style="31"/>
    <col min="12288" max="12288" width="6.44140625" style="31" customWidth="1"/>
    <col min="12289" max="12295" width="8.88671875" style="31"/>
    <col min="12296" max="12296" width="21.33203125" style="31" customWidth="1"/>
    <col min="12297" max="12298" width="8.88671875" style="31"/>
    <col min="12299" max="12299" width="0" style="31" hidden="1" customWidth="1"/>
    <col min="12300" max="12543" width="8.88671875" style="31"/>
    <col min="12544" max="12544" width="6.44140625" style="31" customWidth="1"/>
    <col min="12545" max="12551" width="8.88671875" style="31"/>
    <col min="12552" max="12552" width="21.33203125" style="31" customWidth="1"/>
    <col min="12553" max="12554" width="8.88671875" style="31"/>
    <col min="12555" max="12555" width="0" style="31" hidden="1" customWidth="1"/>
    <col min="12556" max="12799" width="8.88671875" style="31"/>
    <col min="12800" max="12800" width="6.44140625" style="31" customWidth="1"/>
    <col min="12801" max="12807" width="8.88671875" style="31"/>
    <col min="12808" max="12808" width="21.33203125" style="31" customWidth="1"/>
    <col min="12809" max="12810" width="8.88671875" style="31"/>
    <col min="12811" max="12811" width="0" style="31" hidden="1" customWidth="1"/>
    <col min="12812" max="13055" width="8.88671875" style="31"/>
    <col min="13056" max="13056" width="6.44140625" style="31" customWidth="1"/>
    <col min="13057" max="13063" width="8.88671875" style="31"/>
    <col min="13064" max="13064" width="21.33203125" style="31" customWidth="1"/>
    <col min="13065" max="13066" width="8.88671875" style="31"/>
    <col min="13067" max="13067" width="0" style="31" hidden="1" customWidth="1"/>
    <col min="13068" max="13311" width="8.88671875" style="31"/>
    <col min="13312" max="13312" width="6.44140625" style="31" customWidth="1"/>
    <col min="13313" max="13319" width="8.88671875" style="31"/>
    <col min="13320" max="13320" width="21.33203125" style="31" customWidth="1"/>
    <col min="13321" max="13322" width="8.88671875" style="31"/>
    <col min="13323" max="13323" width="0" style="31" hidden="1" customWidth="1"/>
    <col min="13324" max="13567" width="8.88671875" style="31"/>
    <col min="13568" max="13568" width="6.44140625" style="31" customWidth="1"/>
    <col min="13569" max="13575" width="8.88671875" style="31"/>
    <col min="13576" max="13576" width="21.33203125" style="31" customWidth="1"/>
    <col min="13577" max="13578" width="8.88671875" style="31"/>
    <col min="13579" max="13579" width="0" style="31" hidden="1" customWidth="1"/>
    <col min="13580" max="13823" width="8.88671875" style="31"/>
    <col min="13824" max="13824" width="6.44140625" style="31" customWidth="1"/>
    <col min="13825" max="13831" width="8.88671875" style="31"/>
    <col min="13832" max="13832" width="21.33203125" style="31" customWidth="1"/>
    <col min="13833" max="13834" width="8.88671875" style="31"/>
    <col min="13835" max="13835" width="0" style="31" hidden="1" customWidth="1"/>
    <col min="13836" max="14079" width="8.88671875" style="31"/>
    <col min="14080" max="14080" width="6.44140625" style="31" customWidth="1"/>
    <col min="14081" max="14087" width="8.88671875" style="31"/>
    <col min="14088" max="14088" width="21.33203125" style="31" customWidth="1"/>
    <col min="14089" max="14090" width="8.88671875" style="31"/>
    <col min="14091" max="14091" width="0" style="31" hidden="1" customWidth="1"/>
    <col min="14092" max="14335" width="8.88671875" style="31"/>
    <col min="14336" max="14336" width="6.44140625" style="31" customWidth="1"/>
    <col min="14337" max="14343" width="8.88671875" style="31"/>
    <col min="14344" max="14344" width="21.33203125" style="31" customWidth="1"/>
    <col min="14345" max="14346" width="8.88671875" style="31"/>
    <col min="14347" max="14347" width="0" style="31" hidden="1" customWidth="1"/>
    <col min="14348" max="14591" width="8.88671875" style="31"/>
    <col min="14592" max="14592" width="6.44140625" style="31" customWidth="1"/>
    <col min="14593" max="14599" width="8.88671875" style="31"/>
    <col min="14600" max="14600" width="21.33203125" style="31" customWidth="1"/>
    <col min="14601" max="14602" width="8.88671875" style="31"/>
    <col min="14603" max="14603" width="0" style="31" hidden="1" customWidth="1"/>
    <col min="14604" max="14847" width="8.88671875" style="31"/>
    <col min="14848" max="14848" width="6.44140625" style="31" customWidth="1"/>
    <col min="14849" max="14855" width="8.88671875" style="31"/>
    <col min="14856" max="14856" width="21.33203125" style="31" customWidth="1"/>
    <col min="14857" max="14858" width="8.88671875" style="31"/>
    <col min="14859" max="14859" width="0" style="31" hidden="1" customWidth="1"/>
    <col min="14860" max="15103" width="8.88671875" style="31"/>
    <col min="15104" max="15104" width="6.44140625" style="31" customWidth="1"/>
    <col min="15105" max="15111" width="8.88671875" style="31"/>
    <col min="15112" max="15112" width="21.33203125" style="31" customWidth="1"/>
    <col min="15113" max="15114" width="8.88671875" style="31"/>
    <col min="15115" max="15115" width="0" style="31" hidden="1" customWidth="1"/>
    <col min="15116" max="15359" width="8.88671875" style="31"/>
    <col min="15360" max="15360" width="6.44140625" style="31" customWidth="1"/>
    <col min="15361" max="15367" width="8.88671875" style="31"/>
    <col min="15368" max="15368" width="21.33203125" style="31" customWidth="1"/>
    <col min="15369" max="15370" width="8.88671875" style="31"/>
    <col min="15371" max="15371" width="0" style="31" hidden="1" customWidth="1"/>
    <col min="15372" max="15615" width="8.88671875" style="31"/>
    <col min="15616" max="15616" width="6.44140625" style="31" customWidth="1"/>
    <col min="15617" max="15623" width="8.88671875" style="31"/>
    <col min="15624" max="15624" width="21.33203125" style="31" customWidth="1"/>
    <col min="15625" max="15626" width="8.88671875" style="31"/>
    <col min="15627" max="15627" width="0" style="31" hidden="1" customWidth="1"/>
    <col min="15628" max="15871" width="8.88671875" style="31"/>
    <col min="15872" max="15872" width="6.44140625" style="31" customWidth="1"/>
    <col min="15873" max="15879" width="8.88671875" style="31"/>
    <col min="15880" max="15880" width="21.33203125" style="31" customWidth="1"/>
    <col min="15881" max="15882" width="8.88671875" style="31"/>
    <col min="15883" max="15883" width="0" style="31" hidden="1" customWidth="1"/>
    <col min="15884" max="16127" width="8.88671875" style="31"/>
    <col min="16128" max="16128" width="6.44140625" style="31" customWidth="1"/>
    <col min="16129" max="16135" width="8.88671875" style="31"/>
    <col min="16136" max="16136" width="21.33203125" style="31" customWidth="1"/>
    <col min="16137" max="16138" width="8.88671875" style="31"/>
    <col min="16139" max="16139" width="0" style="31" hidden="1" customWidth="1"/>
    <col min="16140" max="16384" width="8.88671875" style="31"/>
  </cols>
  <sheetData>
    <row r="1" spans="1:9">
      <c r="A1" s="179" t="s">
        <v>62</v>
      </c>
    </row>
    <row r="2" spans="1:9">
      <c r="I2" s="167" t="s">
        <v>183</v>
      </c>
    </row>
    <row r="4" spans="1:9" ht="45.75" customHeight="1">
      <c r="A4" s="299" t="s">
        <v>130</v>
      </c>
      <c r="B4" s="300"/>
      <c r="C4" s="300"/>
      <c r="D4" s="300"/>
      <c r="E4" s="300"/>
      <c r="F4" s="300"/>
      <c r="G4" s="300"/>
      <c r="H4" s="300"/>
      <c r="I4" s="300"/>
    </row>
    <row r="6" spans="1:9">
      <c r="B6" s="31" t="s">
        <v>65</v>
      </c>
    </row>
    <row r="9" spans="1:9">
      <c r="E9" s="31" t="s">
        <v>66</v>
      </c>
      <c r="G9" s="302"/>
      <c r="H9" s="302"/>
      <c r="I9" s="302"/>
    </row>
    <row r="10" spans="1:9">
      <c r="E10" s="31" t="s">
        <v>67</v>
      </c>
      <c r="F10" s="303"/>
      <c r="G10" s="303"/>
      <c r="H10" s="303"/>
      <c r="I10" s="303"/>
    </row>
    <row r="11" spans="1:9">
      <c r="F11" s="303"/>
      <c r="G11" s="303"/>
      <c r="H11" s="303"/>
      <c r="I11" s="303"/>
    </row>
    <row r="12" spans="1:9">
      <c r="E12" s="31" t="s">
        <v>68</v>
      </c>
      <c r="G12" s="302"/>
      <c r="H12" s="302"/>
      <c r="I12" s="302"/>
    </row>
    <row r="16" spans="1:9" ht="18.75" customHeight="1">
      <c r="B16" s="31" t="s">
        <v>69</v>
      </c>
    </row>
    <row r="17" spans="1:9" ht="18.75" customHeight="1">
      <c r="B17" s="31" t="s">
        <v>70</v>
      </c>
    </row>
    <row r="18" spans="1:9" ht="18.75" customHeight="1"/>
    <row r="19" spans="1:9" ht="18.75" customHeight="1">
      <c r="A19" s="301" t="s">
        <v>71</v>
      </c>
      <c r="B19" s="301"/>
      <c r="C19" s="301"/>
      <c r="D19" s="301"/>
      <c r="E19" s="301"/>
      <c r="F19" s="301"/>
      <c r="G19" s="301"/>
      <c r="H19" s="301"/>
      <c r="I19" s="301"/>
    </row>
    <row r="20" spans="1:9" ht="18.75" customHeight="1">
      <c r="A20" s="301"/>
      <c r="B20" s="301"/>
      <c r="C20" s="301"/>
      <c r="D20" s="301"/>
      <c r="E20" s="301"/>
      <c r="F20" s="301"/>
      <c r="G20" s="301"/>
      <c r="H20" s="301"/>
      <c r="I20" s="301"/>
    </row>
    <row r="21" spans="1:9" ht="18.75" customHeight="1"/>
    <row r="22" spans="1:9" ht="18.75" customHeight="1">
      <c r="B22" s="31" t="s">
        <v>88</v>
      </c>
    </row>
    <row r="23" spans="1:9" ht="18.75" customHeight="1">
      <c r="B23" s="31" t="s">
        <v>89</v>
      </c>
    </row>
    <row r="24" spans="1:9" ht="18.75" customHeight="1">
      <c r="B24" s="142" t="s">
        <v>163</v>
      </c>
      <c r="C24" s="142"/>
      <c r="D24" s="142"/>
      <c r="E24" s="142"/>
      <c r="F24" s="142"/>
      <c r="G24" s="142"/>
      <c r="H24" s="142"/>
      <c r="I24" s="142"/>
    </row>
    <row r="25" spans="1:9" ht="18.75" customHeight="1">
      <c r="B25" s="142" t="s">
        <v>164</v>
      </c>
      <c r="C25" s="142"/>
      <c r="D25" s="142"/>
      <c r="E25" s="142"/>
      <c r="F25" s="142"/>
      <c r="G25" s="142"/>
      <c r="H25" s="142"/>
      <c r="I25" s="142"/>
    </row>
    <row r="26" spans="1:9" ht="18.75" customHeight="1">
      <c r="B26" s="142" t="s">
        <v>165</v>
      </c>
      <c r="C26" s="142"/>
      <c r="D26" s="142"/>
      <c r="E26" s="142"/>
      <c r="F26" s="142"/>
      <c r="G26" s="142"/>
      <c r="H26" s="142"/>
      <c r="I26" s="142"/>
    </row>
    <row r="27" spans="1:9" ht="18.75" customHeight="1">
      <c r="B27" s="142" t="s">
        <v>166</v>
      </c>
      <c r="C27" s="142"/>
      <c r="D27" s="142"/>
      <c r="E27" s="142"/>
      <c r="F27" s="142"/>
      <c r="G27" s="142"/>
      <c r="H27" s="142"/>
      <c r="I27" s="142"/>
    </row>
    <row r="28" spans="1:9" ht="18.75" customHeight="1">
      <c r="B28" s="298" t="s">
        <v>154</v>
      </c>
      <c r="C28" s="298"/>
      <c r="D28" s="298"/>
      <c r="E28" s="298"/>
      <c r="F28" s="298"/>
      <c r="G28" s="298"/>
      <c r="H28" s="298"/>
      <c r="I28" s="298"/>
    </row>
    <row r="29" spans="1:9" ht="18.600000000000001" customHeight="1">
      <c r="B29" s="298"/>
      <c r="C29" s="298"/>
      <c r="D29" s="298"/>
      <c r="E29" s="298"/>
      <c r="F29" s="298"/>
      <c r="G29" s="298"/>
      <c r="H29" s="298"/>
      <c r="I29" s="298"/>
    </row>
    <row r="30" spans="1:9" ht="37.200000000000003" customHeight="1">
      <c r="B30" s="298" t="s">
        <v>90</v>
      </c>
      <c r="C30" s="298"/>
      <c r="D30" s="298"/>
      <c r="E30" s="298"/>
      <c r="F30" s="298"/>
      <c r="G30" s="298"/>
      <c r="H30" s="298"/>
      <c r="I30" s="298"/>
    </row>
    <row r="31" spans="1:9" ht="18.75" customHeight="1">
      <c r="B31" s="142" t="s">
        <v>72</v>
      </c>
      <c r="C31" s="142"/>
      <c r="D31" s="142"/>
      <c r="E31" s="142"/>
      <c r="F31" s="142"/>
      <c r="G31" s="142"/>
      <c r="H31" s="142"/>
      <c r="I31" s="142"/>
    </row>
    <row r="32" spans="1:9" ht="18.75" customHeight="1">
      <c r="B32" s="142" t="s">
        <v>73</v>
      </c>
      <c r="C32" s="142"/>
      <c r="D32" s="142"/>
      <c r="E32" s="142"/>
      <c r="F32" s="142"/>
      <c r="G32" s="142"/>
      <c r="H32" s="142"/>
      <c r="I32" s="142"/>
    </row>
    <row r="33" spans="2:9" ht="18.75" customHeight="1">
      <c r="B33" s="142" t="s">
        <v>167</v>
      </c>
      <c r="C33" s="142"/>
      <c r="D33" s="142"/>
      <c r="E33" s="142"/>
      <c r="F33" s="142"/>
      <c r="G33" s="142"/>
      <c r="H33" s="142"/>
      <c r="I33" s="142"/>
    </row>
    <row r="34" spans="2:9" ht="18.600000000000001" customHeight="1">
      <c r="B34" s="298" t="s">
        <v>74</v>
      </c>
      <c r="C34" s="298"/>
      <c r="D34" s="298"/>
      <c r="E34" s="298"/>
      <c r="F34" s="298"/>
      <c r="G34" s="298"/>
      <c r="H34" s="298"/>
      <c r="I34" s="298"/>
    </row>
    <row r="35" spans="2:9" ht="54.75" customHeight="1">
      <c r="B35" s="298" t="s">
        <v>162</v>
      </c>
      <c r="C35" s="298"/>
      <c r="D35" s="298"/>
      <c r="E35" s="298"/>
      <c r="F35" s="298"/>
      <c r="G35" s="298"/>
      <c r="H35" s="298"/>
      <c r="I35" s="298"/>
    </row>
    <row r="36" spans="2:9" ht="18.75" customHeight="1">
      <c r="B36" s="298" t="s">
        <v>168</v>
      </c>
      <c r="C36" s="298"/>
      <c r="D36" s="298"/>
      <c r="E36" s="298"/>
      <c r="F36" s="298"/>
      <c r="G36" s="298"/>
      <c r="H36" s="298"/>
      <c r="I36" s="298"/>
    </row>
    <row r="37" spans="2:9" ht="18.75" customHeight="1"/>
    <row r="38" spans="2:9" ht="18.75" customHeight="1"/>
    <row r="39" spans="2:9" ht="18.75" customHeight="1">
      <c r="I39" s="32" t="s">
        <v>75</v>
      </c>
    </row>
    <row r="40" spans="2:9" ht="18.75" customHeight="1"/>
    <row r="41" spans="2:9" ht="18.75" customHeight="1"/>
    <row r="42" spans="2:9" ht="18.75" customHeight="1"/>
    <row r="43" spans="2:9" ht="18.75" customHeight="1"/>
    <row r="44" spans="2:9" ht="18.75" customHeight="1"/>
    <row r="45" spans="2:9" ht="18.75" customHeight="1"/>
    <row r="46" spans="2:9" ht="18.75" customHeight="1"/>
    <row r="47" spans="2:9" ht="18.75" customHeight="1"/>
    <row r="48" spans="2:9" ht="18.75" customHeight="1"/>
    <row r="49" spans="9:9" ht="18.75" customHeight="1"/>
    <row r="50" spans="9:9" ht="18.75" customHeight="1">
      <c r="I50" s="32"/>
    </row>
    <row r="51" spans="9:9" ht="18.75" customHeight="1"/>
    <row r="52" spans="9:9" ht="18.75" customHeight="1"/>
    <row r="53" spans="9:9" ht="18.75" customHeight="1"/>
    <row r="54" spans="9:9" ht="18.75" customHeight="1"/>
    <row r="55" spans="9:9" ht="18.75" customHeight="1"/>
  </sheetData>
  <customSheetViews>
    <customSheetView guid="{864473BD-17CB-4242-8B82-DC63A9F91306}" showPageBreaks="1" fitToPage="1" printArea="1" hiddenColumns="1" view="pageBreakPreview">
      <selection activeCell="A2" sqref="A2"/>
      <pageMargins left="0.25" right="0.25" top="0.75" bottom="0.75" header="0.3" footer="0.3"/>
      <printOptions horizontalCentered="1" verticalCentered="1"/>
      <pageSetup paperSize="9" scale="94" orientation="portrait" blackAndWhite="1" r:id="rId1"/>
      <headerFooter alignWithMargins="0"/>
    </customSheetView>
  </customSheetViews>
  <mergeCells count="10">
    <mergeCell ref="B36:I36"/>
    <mergeCell ref="A4:I4"/>
    <mergeCell ref="A19:I20"/>
    <mergeCell ref="B28:I29"/>
    <mergeCell ref="B34:I34"/>
    <mergeCell ref="B30:I30"/>
    <mergeCell ref="B35:I35"/>
    <mergeCell ref="G9:I9"/>
    <mergeCell ref="F10:I11"/>
    <mergeCell ref="G12:I12"/>
  </mergeCells>
  <phoneticPr fontId="8"/>
  <printOptions horizontalCentered="1"/>
  <pageMargins left="0.59055118110236227" right="0.59055118110236227" top="0.59055118110236227" bottom="0.59055118110236227" header="0.31496062992125984" footer="0.31496062992125984"/>
  <pageSetup paperSize="9" scale="85" orientation="portrait" blackAndWhite="1"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24"/>
  <sheetViews>
    <sheetView tabSelected="1" view="pageBreakPreview" zoomScaleNormal="100" zoomScaleSheetLayoutView="100" workbookViewId="0"/>
  </sheetViews>
  <sheetFormatPr defaultColWidth="9" defaultRowHeight="12"/>
  <cols>
    <col min="1" max="1" width="10.6640625" style="125" customWidth="1"/>
    <col min="2" max="3" width="15.6640625" style="125" customWidth="1"/>
    <col min="4" max="4" width="12.6640625" style="125" customWidth="1"/>
    <col min="5" max="5" width="7.77734375" style="125" customWidth="1"/>
    <col min="6" max="6" width="23.21875" style="125" customWidth="1"/>
    <col min="7" max="8" width="14.21875" style="125" customWidth="1"/>
    <col min="9" max="9" width="2.6640625" style="125" customWidth="1"/>
    <col min="10" max="10" width="2" style="125" customWidth="1"/>
    <col min="11" max="256" width="9" style="125"/>
    <col min="257" max="257" width="10.6640625" style="125" customWidth="1"/>
    <col min="258" max="259" width="15.6640625" style="125" customWidth="1"/>
    <col min="260" max="260" width="12.6640625" style="125" customWidth="1"/>
    <col min="261" max="261" width="7.77734375" style="125" customWidth="1"/>
    <col min="262" max="262" width="23.21875" style="125" customWidth="1"/>
    <col min="263" max="264" width="14.21875" style="125" customWidth="1"/>
    <col min="265" max="265" width="2.6640625" style="125" customWidth="1"/>
    <col min="266" max="266" width="2" style="125" customWidth="1"/>
    <col min="267" max="512" width="9" style="125"/>
    <col min="513" max="513" width="10.6640625" style="125" customWidth="1"/>
    <col min="514" max="515" width="15.6640625" style="125" customWidth="1"/>
    <col min="516" max="516" width="12.6640625" style="125" customWidth="1"/>
    <col min="517" max="517" width="7.77734375" style="125" customWidth="1"/>
    <col min="518" max="518" width="23.21875" style="125" customWidth="1"/>
    <col min="519" max="520" width="14.21875" style="125" customWidth="1"/>
    <col min="521" max="521" width="2.6640625" style="125" customWidth="1"/>
    <col min="522" max="522" width="2" style="125" customWidth="1"/>
    <col min="523" max="768" width="9" style="125"/>
    <col min="769" max="769" width="10.6640625" style="125" customWidth="1"/>
    <col min="770" max="771" width="15.6640625" style="125" customWidth="1"/>
    <col min="772" max="772" width="12.6640625" style="125" customWidth="1"/>
    <col min="773" max="773" width="7.77734375" style="125" customWidth="1"/>
    <col min="774" max="774" width="23.21875" style="125" customWidth="1"/>
    <col min="775" max="776" width="14.21875" style="125" customWidth="1"/>
    <col min="777" max="777" width="2.6640625" style="125" customWidth="1"/>
    <col min="778" max="778" width="2" style="125" customWidth="1"/>
    <col min="779" max="1024" width="9" style="125"/>
    <col min="1025" max="1025" width="10.6640625" style="125" customWidth="1"/>
    <col min="1026" max="1027" width="15.6640625" style="125" customWidth="1"/>
    <col min="1028" max="1028" width="12.6640625" style="125" customWidth="1"/>
    <col min="1029" max="1029" width="7.77734375" style="125" customWidth="1"/>
    <col min="1030" max="1030" width="23.21875" style="125" customWidth="1"/>
    <col min="1031" max="1032" width="14.21875" style="125" customWidth="1"/>
    <col min="1033" max="1033" width="2.6640625" style="125" customWidth="1"/>
    <col min="1034" max="1034" width="2" style="125" customWidth="1"/>
    <col min="1035" max="1280" width="9" style="125"/>
    <col min="1281" max="1281" width="10.6640625" style="125" customWidth="1"/>
    <col min="1282" max="1283" width="15.6640625" style="125" customWidth="1"/>
    <col min="1284" max="1284" width="12.6640625" style="125" customWidth="1"/>
    <col min="1285" max="1285" width="7.77734375" style="125" customWidth="1"/>
    <col min="1286" max="1286" width="23.21875" style="125" customWidth="1"/>
    <col min="1287" max="1288" width="14.21875" style="125" customWidth="1"/>
    <col min="1289" max="1289" width="2.6640625" style="125" customWidth="1"/>
    <col min="1290" max="1290" width="2" style="125" customWidth="1"/>
    <col min="1291" max="1536" width="9" style="125"/>
    <col min="1537" max="1537" width="10.6640625" style="125" customWidth="1"/>
    <col min="1538" max="1539" width="15.6640625" style="125" customWidth="1"/>
    <col min="1540" max="1540" width="12.6640625" style="125" customWidth="1"/>
    <col min="1541" max="1541" width="7.77734375" style="125" customWidth="1"/>
    <col min="1542" max="1542" width="23.21875" style="125" customWidth="1"/>
    <col min="1543" max="1544" width="14.21875" style="125" customWidth="1"/>
    <col min="1545" max="1545" width="2.6640625" style="125" customWidth="1"/>
    <col min="1546" max="1546" width="2" style="125" customWidth="1"/>
    <col min="1547" max="1792" width="9" style="125"/>
    <col min="1793" max="1793" width="10.6640625" style="125" customWidth="1"/>
    <col min="1794" max="1795" width="15.6640625" style="125" customWidth="1"/>
    <col min="1796" max="1796" width="12.6640625" style="125" customWidth="1"/>
    <col min="1797" max="1797" width="7.77734375" style="125" customWidth="1"/>
    <col min="1798" max="1798" width="23.21875" style="125" customWidth="1"/>
    <col min="1799" max="1800" width="14.21875" style="125" customWidth="1"/>
    <col min="1801" max="1801" width="2.6640625" style="125" customWidth="1"/>
    <col min="1802" max="1802" width="2" style="125" customWidth="1"/>
    <col min="1803" max="2048" width="9" style="125"/>
    <col min="2049" max="2049" width="10.6640625" style="125" customWidth="1"/>
    <col min="2050" max="2051" width="15.6640625" style="125" customWidth="1"/>
    <col min="2052" max="2052" width="12.6640625" style="125" customWidth="1"/>
    <col min="2053" max="2053" width="7.77734375" style="125" customWidth="1"/>
    <col min="2054" max="2054" width="23.21875" style="125" customWidth="1"/>
    <col min="2055" max="2056" width="14.21875" style="125" customWidth="1"/>
    <col min="2057" max="2057" width="2.6640625" style="125" customWidth="1"/>
    <col min="2058" max="2058" width="2" style="125" customWidth="1"/>
    <col min="2059" max="2304" width="9" style="125"/>
    <col min="2305" max="2305" width="10.6640625" style="125" customWidth="1"/>
    <col min="2306" max="2307" width="15.6640625" style="125" customWidth="1"/>
    <col min="2308" max="2308" width="12.6640625" style="125" customWidth="1"/>
    <col min="2309" max="2309" width="7.77734375" style="125" customWidth="1"/>
    <col min="2310" max="2310" width="23.21875" style="125" customWidth="1"/>
    <col min="2311" max="2312" width="14.21875" style="125" customWidth="1"/>
    <col min="2313" max="2313" width="2.6640625" style="125" customWidth="1"/>
    <col min="2314" max="2314" width="2" style="125" customWidth="1"/>
    <col min="2315" max="2560" width="9" style="125"/>
    <col min="2561" max="2561" width="10.6640625" style="125" customWidth="1"/>
    <col min="2562" max="2563" width="15.6640625" style="125" customWidth="1"/>
    <col min="2564" max="2564" width="12.6640625" style="125" customWidth="1"/>
    <col min="2565" max="2565" width="7.77734375" style="125" customWidth="1"/>
    <col min="2566" max="2566" width="23.21875" style="125" customWidth="1"/>
    <col min="2567" max="2568" width="14.21875" style="125" customWidth="1"/>
    <col min="2569" max="2569" width="2.6640625" style="125" customWidth="1"/>
    <col min="2570" max="2570" width="2" style="125" customWidth="1"/>
    <col min="2571" max="2816" width="9" style="125"/>
    <col min="2817" max="2817" width="10.6640625" style="125" customWidth="1"/>
    <col min="2818" max="2819" width="15.6640625" style="125" customWidth="1"/>
    <col min="2820" max="2820" width="12.6640625" style="125" customWidth="1"/>
    <col min="2821" max="2821" width="7.77734375" style="125" customWidth="1"/>
    <col min="2822" max="2822" width="23.21875" style="125" customWidth="1"/>
    <col min="2823" max="2824" width="14.21875" style="125" customWidth="1"/>
    <col min="2825" max="2825" width="2.6640625" style="125" customWidth="1"/>
    <col min="2826" max="2826" width="2" style="125" customWidth="1"/>
    <col min="2827" max="3072" width="9" style="125"/>
    <col min="3073" max="3073" width="10.6640625" style="125" customWidth="1"/>
    <col min="3074" max="3075" width="15.6640625" style="125" customWidth="1"/>
    <col min="3076" max="3076" width="12.6640625" style="125" customWidth="1"/>
    <col min="3077" max="3077" width="7.77734375" style="125" customWidth="1"/>
    <col min="3078" max="3078" width="23.21875" style="125" customWidth="1"/>
    <col min="3079" max="3080" width="14.21875" style="125" customWidth="1"/>
    <col min="3081" max="3081" width="2.6640625" style="125" customWidth="1"/>
    <col min="3082" max="3082" width="2" style="125" customWidth="1"/>
    <col min="3083" max="3328" width="9" style="125"/>
    <col min="3329" max="3329" width="10.6640625" style="125" customWidth="1"/>
    <col min="3330" max="3331" width="15.6640625" style="125" customWidth="1"/>
    <col min="3332" max="3332" width="12.6640625" style="125" customWidth="1"/>
    <col min="3333" max="3333" width="7.77734375" style="125" customWidth="1"/>
    <col min="3334" max="3334" width="23.21875" style="125" customWidth="1"/>
    <col min="3335" max="3336" width="14.21875" style="125" customWidth="1"/>
    <col min="3337" max="3337" width="2.6640625" style="125" customWidth="1"/>
    <col min="3338" max="3338" width="2" style="125" customWidth="1"/>
    <col min="3339" max="3584" width="9" style="125"/>
    <col min="3585" max="3585" width="10.6640625" style="125" customWidth="1"/>
    <col min="3586" max="3587" width="15.6640625" style="125" customWidth="1"/>
    <col min="3588" max="3588" width="12.6640625" style="125" customWidth="1"/>
    <col min="3589" max="3589" width="7.77734375" style="125" customWidth="1"/>
    <col min="3590" max="3590" width="23.21875" style="125" customWidth="1"/>
    <col min="3591" max="3592" width="14.21875" style="125" customWidth="1"/>
    <col min="3593" max="3593" width="2.6640625" style="125" customWidth="1"/>
    <col min="3594" max="3594" width="2" style="125" customWidth="1"/>
    <col min="3595" max="3840" width="9" style="125"/>
    <col min="3841" max="3841" width="10.6640625" style="125" customWidth="1"/>
    <col min="3842" max="3843" width="15.6640625" style="125" customWidth="1"/>
    <col min="3844" max="3844" width="12.6640625" style="125" customWidth="1"/>
    <col min="3845" max="3845" width="7.77734375" style="125" customWidth="1"/>
    <col min="3846" max="3846" width="23.21875" style="125" customWidth="1"/>
    <col min="3847" max="3848" width="14.21875" style="125" customWidth="1"/>
    <col min="3849" max="3849" width="2.6640625" style="125" customWidth="1"/>
    <col min="3850" max="3850" width="2" style="125" customWidth="1"/>
    <col min="3851" max="4096" width="9" style="125"/>
    <col min="4097" max="4097" width="10.6640625" style="125" customWidth="1"/>
    <col min="4098" max="4099" width="15.6640625" style="125" customWidth="1"/>
    <col min="4100" max="4100" width="12.6640625" style="125" customWidth="1"/>
    <col min="4101" max="4101" width="7.77734375" style="125" customWidth="1"/>
    <col min="4102" max="4102" width="23.21875" style="125" customWidth="1"/>
    <col min="4103" max="4104" width="14.21875" style="125" customWidth="1"/>
    <col min="4105" max="4105" width="2.6640625" style="125" customWidth="1"/>
    <col min="4106" max="4106" width="2" style="125" customWidth="1"/>
    <col min="4107" max="4352" width="9" style="125"/>
    <col min="4353" max="4353" width="10.6640625" style="125" customWidth="1"/>
    <col min="4354" max="4355" width="15.6640625" style="125" customWidth="1"/>
    <col min="4356" max="4356" width="12.6640625" style="125" customWidth="1"/>
    <col min="4357" max="4357" width="7.77734375" style="125" customWidth="1"/>
    <col min="4358" max="4358" width="23.21875" style="125" customWidth="1"/>
    <col min="4359" max="4360" width="14.21875" style="125" customWidth="1"/>
    <col min="4361" max="4361" width="2.6640625" style="125" customWidth="1"/>
    <col min="4362" max="4362" width="2" style="125" customWidth="1"/>
    <col min="4363" max="4608" width="9" style="125"/>
    <col min="4609" max="4609" width="10.6640625" style="125" customWidth="1"/>
    <col min="4610" max="4611" width="15.6640625" style="125" customWidth="1"/>
    <col min="4612" max="4612" width="12.6640625" style="125" customWidth="1"/>
    <col min="4613" max="4613" width="7.77734375" style="125" customWidth="1"/>
    <col min="4614" max="4614" width="23.21875" style="125" customWidth="1"/>
    <col min="4615" max="4616" width="14.21875" style="125" customWidth="1"/>
    <col min="4617" max="4617" width="2.6640625" style="125" customWidth="1"/>
    <col min="4618" max="4618" width="2" style="125" customWidth="1"/>
    <col min="4619" max="4864" width="9" style="125"/>
    <col min="4865" max="4865" width="10.6640625" style="125" customWidth="1"/>
    <col min="4866" max="4867" width="15.6640625" style="125" customWidth="1"/>
    <col min="4868" max="4868" width="12.6640625" style="125" customWidth="1"/>
    <col min="4869" max="4869" width="7.77734375" style="125" customWidth="1"/>
    <col min="4870" max="4870" width="23.21875" style="125" customWidth="1"/>
    <col min="4871" max="4872" width="14.21875" style="125" customWidth="1"/>
    <col min="4873" max="4873" width="2.6640625" style="125" customWidth="1"/>
    <col min="4874" max="4874" width="2" style="125" customWidth="1"/>
    <col min="4875" max="5120" width="9" style="125"/>
    <col min="5121" max="5121" width="10.6640625" style="125" customWidth="1"/>
    <col min="5122" max="5123" width="15.6640625" style="125" customWidth="1"/>
    <col min="5124" max="5124" width="12.6640625" style="125" customWidth="1"/>
    <col min="5125" max="5125" width="7.77734375" style="125" customWidth="1"/>
    <col min="5126" max="5126" width="23.21875" style="125" customWidth="1"/>
    <col min="5127" max="5128" width="14.21875" style="125" customWidth="1"/>
    <col min="5129" max="5129" width="2.6640625" style="125" customWidth="1"/>
    <col min="5130" max="5130" width="2" style="125" customWidth="1"/>
    <col min="5131" max="5376" width="9" style="125"/>
    <col min="5377" max="5377" width="10.6640625" style="125" customWidth="1"/>
    <col min="5378" max="5379" width="15.6640625" style="125" customWidth="1"/>
    <col min="5380" max="5380" width="12.6640625" style="125" customWidth="1"/>
    <col min="5381" max="5381" width="7.77734375" style="125" customWidth="1"/>
    <col min="5382" max="5382" width="23.21875" style="125" customWidth="1"/>
    <col min="5383" max="5384" width="14.21875" style="125" customWidth="1"/>
    <col min="5385" max="5385" width="2.6640625" style="125" customWidth="1"/>
    <col min="5386" max="5386" width="2" style="125" customWidth="1"/>
    <col min="5387" max="5632" width="9" style="125"/>
    <col min="5633" max="5633" width="10.6640625" style="125" customWidth="1"/>
    <col min="5634" max="5635" width="15.6640625" style="125" customWidth="1"/>
    <col min="5636" max="5636" width="12.6640625" style="125" customWidth="1"/>
    <col min="5637" max="5637" width="7.77734375" style="125" customWidth="1"/>
    <col min="5638" max="5638" width="23.21875" style="125" customWidth="1"/>
    <col min="5639" max="5640" width="14.21875" style="125" customWidth="1"/>
    <col min="5641" max="5641" width="2.6640625" style="125" customWidth="1"/>
    <col min="5642" max="5642" width="2" style="125" customWidth="1"/>
    <col min="5643" max="5888" width="9" style="125"/>
    <col min="5889" max="5889" width="10.6640625" style="125" customWidth="1"/>
    <col min="5890" max="5891" width="15.6640625" style="125" customWidth="1"/>
    <col min="5892" max="5892" width="12.6640625" style="125" customWidth="1"/>
    <col min="5893" max="5893" width="7.77734375" style="125" customWidth="1"/>
    <col min="5894" max="5894" width="23.21875" style="125" customWidth="1"/>
    <col min="5895" max="5896" width="14.21875" style="125" customWidth="1"/>
    <col min="5897" max="5897" width="2.6640625" style="125" customWidth="1"/>
    <col min="5898" max="5898" width="2" style="125" customWidth="1"/>
    <col min="5899" max="6144" width="9" style="125"/>
    <col min="6145" max="6145" width="10.6640625" style="125" customWidth="1"/>
    <col min="6146" max="6147" width="15.6640625" style="125" customWidth="1"/>
    <col min="6148" max="6148" width="12.6640625" style="125" customWidth="1"/>
    <col min="6149" max="6149" width="7.77734375" style="125" customWidth="1"/>
    <col min="6150" max="6150" width="23.21875" style="125" customWidth="1"/>
    <col min="6151" max="6152" width="14.21875" style="125" customWidth="1"/>
    <col min="6153" max="6153" width="2.6640625" style="125" customWidth="1"/>
    <col min="6154" max="6154" width="2" style="125" customWidth="1"/>
    <col min="6155" max="6400" width="9" style="125"/>
    <col min="6401" max="6401" width="10.6640625" style="125" customWidth="1"/>
    <col min="6402" max="6403" width="15.6640625" style="125" customWidth="1"/>
    <col min="6404" max="6404" width="12.6640625" style="125" customWidth="1"/>
    <col min="6405" max="6405" width="7.77734375" style="125" customWidth="1"/>
    <col min="6406" max="6406" width="23.21875" style="125" customWidth="1"/>
    <col min="6407" max="6408" width="14.21875" style="125" customWidth="1"/>
    <col min="6409" max="6409" width="2.6640625" style="125" customWidth="1"/>
    <col min="6410" max="6410" width="2" style="125" customWidth="1"/>
    <col min="6411" max="6656" width="9" style="125"/>
    <col min="6657" max="6657" width="10.6640625" style="125" customWidth="1"/>
    <col min="6658" max="6659" width="15.6640625" style="125" customWidth="1"/>
    <col min="6660" max="6660" width="12.6640625" style="125" customWidth="1"/>
    <col min="6661" max="6661" width="7.77734375" style="125" customWidth="1"/>
    <col min="6662" max="6662" width="23.21875" style="125" customWidth="1"/>
    <col min="6663" max="6664" width="14.21875" style="125" customWidth="1"/>
    <col min="6665" max="6665" width="2.6640625" style="125" customWidth="1"/>
    <col min="6666" max="6666" width="2" style="125" customWidth="1"/>
    <col min="6667" max="6912" width="9" style="125"/>
    <col min="6913" max="6913" width="10.6640625" style="125" customWidth="1"/>
    <col min="6914" max="6915" width="15.6640625" style="125" customWidth="1"/>
    <col min="6916" max="6916" width="12.6640625" style="125" customWidth="1"/>
    <col min="6917" max="6917" width="7.77734375" style="125" customWidth="1"/>
    <col min="6918" max="6918" width="23.21875" style="125" customWidth="1"/>
    <col min="6919" max="6920" width="14.21875" style="125" customWidth="1"/>
    <col min="6921" max="6921" width="2.6640625" style="125" customWidth="1"/>
    <col min="6922" max="6922" width="2" style="125" customWidth="1"/>
    <col min="6923" max="7168" width="9" style="125"/>
    <col min="7169" max="7169" width="10.6640625" style="125" customWidth="1"/>
    <col min="7170" max="7171" width="15.6640625" style="125" customWidth="1"/>
    <col min="7172" max="7172" width="12.6640625" style="125" customWidth="1"/>
    <col min="7173" max="7173" width="7.77734375" style="125" customWidth="1"/>
    <col min="7174" max="7174" width="23.21875" style="125" customWidth="1"/>
    <col min="7175" max="7176" width="14.21875" style="125" customWidth="1"/>
    <col min="7177" max="7177" width="2.6640625" style="125" customWidth="1"/>
    <col min="7178" max="7178" width="2" style="125" customWidth="1"/>
    <col min="7179" max="7424" width="9" style="125"/>
    <col min="7425" max="7425" width="10.6640625" style="125" customWidth="1"/>
    <col min="7426" max="7427" width="15.6640625" style="125" customWidth="1"/>
    <col min="7428" max="7428" width="12.6640625" style="125" customWidth="1"/>
    <col min="7429" max="7429" width="7.77734375" style="125" customWidth="1"/>
    <col min="7430" max="7430" width="23.21875" style="125" customWidth="1"/>
    <col min="7431" max="7432" width="14.21875" style="125" customWidth="1"/>
    <col min="7433" max="7433" width="2.6640625" style="125" customWidth="1"/>
    <col min="7434" max="7434" width="2" style="125" customWidth="1"/>
    <col min="7435" max="7680" width="9" style="125"/>
    <col min="7681" max="7681" width="10.6640625" style="125" customWidth="1"/>
    <col min="7682" max="7683" width="15.6640625" style="125" customWidth="1"/>
    <col min="7684" max="7684" width="12.6640625" style="125" customWidth="1"/>
    <col min="7685" max="7685" width="7.77734375" style="125" customWidth="1"/>
    <col min="7686" max="7686" width="23.21875" style="125" customWidth="1"/>
    <col min="7687" max="7688" width="14.21875" style="125" customWidth="1"/>
    <col min="7689" max="7689" width="2.6640625" style="125" customWidth="1"/>
    <col min="7690" max="7690" width="2" style="125" customWidth="1"/>
    <col min="7691" max="7936" width="9" style="125"/>
    <col min="7937" max="7937" width="10.6640625" style="125" customWidth="1"/>
    <col min="7938" max="7939" width="15.6640625" style="125" customWidth="1"/>
    <col min="7940" max="7940" width="12.6640625" style="125" customWidth="1"/>
    <col min="7941" max="7941" width="7.77734375" style="125" customWidth="1"/>
    <col min="7942" max="7942" width="23.21875" style="125" customWidth="1"/>
    <col min="7943" max="7944" width="14.21875" style="125" customWidth="1"/>
    <col min="7945" max="7945" width="2.6640625" style="125" customWidth="1"/>
    <col min="7946" max="7946" width="2" style="125" customWidth="1"/>
    <col min="7947" max="8192" width="9" style="125"/>
    <col min="8193" max="8193" width="10.6640625" style="125" customWidth="1"/>
    <col min="8194" max="8195" width="15.6640625" style="125" customWidth="1"/>
    <col min="8196" max="8196" width="12.6640625" style="125" customWidth="1"/>
    <col min="8197" max="8197" width="7.77734375" style="125" customWidth="1"/>
    <col min="8198" max="8198" width="23.21875" style="125" customWidth="1"/>
    <col min="8199" max="8200" width="14.21875" style="125" customWidth="1"/>
    <col min="8201" max="8201" width="2.6640625" style="125" customWidth="1"/>
    <col min="8202" max="8202" width="2" style="125" customWidth="1"/>
    <col min="8203" max="8448" width="9" style="125"/>
    <col min="8449" max="8449" width="10.6640625" style="125" customWidth="1"/>
    <col min="8450" max="8451" width="15.6640625" style="125" customWidth="1"/>
    <col min="8452" max="8452" width="12.6640625" style="125" customWidth="1"/>
    <col min="8453" max="8453" width="7.77734375" style="125" customWidth="1"/>
    <col min="8454" max="8454" width="23.21875" style="125" customWidth="1"/>
    <col min="8455" max="8456" width="14.21875" style="125" customWidth="1"/>
    <col min="8457" max="8457" width="2.6640625" style="125" customWidth="1"/>
    <col min="8458" max="8458" width="2" style="125" customWidth="1"/>
    <col min="8459" max="8704" width="9" style="125"/>
    <col min="8705" max="8705" width="10.6640625" style="125" customWidth="1"/>
    <col min="8706" max="8707" width="15.6640625" style="125" customWidth="1"/>
    <col min="8708" max="8708" width="12.6640625" style="125" customWidth="1"/>
    <col min="8709" max="8709" width="7.77734375" style="125" customWidth="1"/>
    <col min="8710" max="8710" width="23.21875" style="125" customWidth="1"/>
    <col min="8711" max="8712" width="14.21875" style="125" customWidth="1"/>
    <col min="8713" max="8713" width="2.6640625" style="125" customWidth="1"/>
    <col min="8714" max="8714" width="2" style="125" customWidth="1"/>
    <col min="8715" max="8960" width="9" style="125"/>
    <col min="8961" max="8961" width="10.6640625" style="125" customWidth="1"/>
    <col min="8962" max="8963" width="15.6640625" style="125" customWidth="1"/>
    <col min="8964" max="8964" width="12.6640625" style="125" customWidth="1"/>
    <col min="8965" max="8965" width="7.77734375" style="125" customWidth="1"/>
    <col min="8966" max="8966" width="23.21875" style="125" customWidth="1"/>
    <col min="8967" max="8968" width="14.21875" style="125" customWidth="1"/>
    <col min="8969" max="8969" width="2.6640625" style="125" customWidth="1"/>
    <col min="8970" max="8970" width="2" style="125" customWidth="1"/>
    <col min="8971" max="9216" width="9" style="125"/>
    <col min="9217" max="9217" width="10.6640625" style="125" customWidth="1"/>
    <col min="9218" max="9219" width="15.6640625" style="125" customWidth="1"/>
    <col min="9220" max="9220" width="12.6640625" style="125" customWidth="1"/>
    <col min="9221" max="9221" width="7.77734375" style="125" customWidth="1"/>
    <col min="9222" max="9222" width="23.21875" style="125" customWidth="1"/>
    <col min="9223" max="9224" width="14.21875" style="125" customWidth="1"/>
    <col min="9225" max="9225" width="2.6640625" style="125" customWidth="1"/>
    <col min="9226" max="9226" width="2" style="125" customWidth="1"/>
    <col min="9227" max="9472" width="9" style="125"/>
    <col min="9473" max="9473" width="10.6640625" style="125" customWidth="1"/>
    <col min="9474" max="9475" width="15.6640625" style="125" customWidth="1"/>
    <col min="9476" max="9476" width="12.6640625" style="125" customWidth="1"/>
    <col min="9477" max="9477" width="7.77734375" style="125" customWidth="1"/>
    <col min="9478" max="9478" width="23.21875" style="125" customWidth="1"/>
    <col min="9479" max="9480" width="14.21875" style="125" customWidth="1"/>
    <col min="9481" max="9481" width="2.6640625" style="125" customWidth="1"/>
    <col min="9482" max="9482" width="2" style="125" customWidth="1"/>
    <col min="9483" max="9728" width="9" style="125"/>
    <col min="9729" max="9729" width="10.6640625" style="125" customWidth="1"/>
    <col min="9730" max="9731" width="15.6640625" style="125" customWidth="1"/>
    <col min="9732" max="9732" width="12.6640625" style="125" customWidth="1"/>
    <col min="9733" max="9733" width="7.77734375" style="125" customWidth="1"/>
    <col min="9734" max="9734" width="23.21875" style="125" customWidth="1"/>
    <col min="9735" max="9736" width="14.21875" style="125" customWidth="1"/>
    <col min="9737" max="9737" width="2.6640625" style="125" customWidth="1"/>
    <col min="9738" max="9738" width="2" style="125" customWidth="1"/>
    <col min="9739" max="9984" width="9" style="125"/>
    <col min="9985" max="9985" width="10.6640625" style="125" customWidth="1"/>
    <col min="9986" max="9987" width="15.6640625" style="125" customWidth="1"/>
    <col min="9988" max="9988" width="12.6640625" style="125" customWidth="1"/>
    <col min="9989" max="9989" width="7.77734375" style="125" customWidth="1"/>
    <col min="9990" max="9990" width="23.21875" style="125" customWidth="1"/>
    <col min="9991" max="9992" width="14.21875" style="125" customWidth="1"/>
    <col min="9993" max="9993" width="2.6640625" style="125" customWidth="1"/>
    <col min="9994" max="9994" width="2" style="125" customWidth="1"/>
    <col min="9995" max="10240" width="9" style="125"/>
    <col min="10241" max="10241" width="10.6640625" style="125" customWidth="1"/>
    <col min="10242" max="10243" width="15.6640625" style="125" customWidth="1"/>
    <col min="10244" max="10244" width="12.6640625" style="125" customWidth="1"/>
    <col min="10245" max="10245" width="7.77734375" style="125" customWidth="1"/>
    <col min="10246" max="10246" width="23.21875" style="125" customWidth="1"/>
    <col min="10247" max="10248" width="14.21875" style="125" customWidth="1"/>
    <col min="10249" max="10249" width="2.6640625" style="125" customWidth="1"/>
    <col min="10250" max="10250" width="2" style="125" customWidth="1"/>
    <col min="10251" max="10496" width="9" style="125"/>
    <col min="10497" max="10497" width="10.6640625" style="125" customWidth="1"/>
    <col min="10498" max="10499" width="15.6640625" style="125" customWidth="1"/>
    <col min="10500" max="10500" width="12.6640625" style="125" customWidth="1"/>
    <col min="10501" max="10501" width="7.77734375" style="125" customWidth="1"/>
    <col min="10502" max="10502" width="23.21875" style="125" customWidth="1"/>
    <col min="10503" max="10504" width="14.21875" style="125" customWidth="1"/>
    <col min="10505" max="10505" width="2.6640625" style="125" customWidth="1"/>
    <col min="10506" max="10506" width="2" style="125" customWidth="1"/>
    <col min="10507" max="10752" width="9" style="125"/>
    <col min="10753" max="10753" width="10.6640625" style="125" customWidth="1"/>
    <col min="10754" max="10755" width="15.6640625" style="125" customWidth="1"/>
    <col min="10756" max="10756" width="12.6640625" style="125" customWidth="1"/>
    <col min="10757" max="10757" width="7.77734375" style="125" customWidth="1"/>
    <col min="10758" max="10758" width="23.21875" style="125" customWidth="1"/>
    <col min="10759" max="10760" width="14.21875" style="125" customWidth="1"/>
    <col min="10761" max="10761" width="2.6640625" style="125" customWidth="1"/>
    <col min="10762" max="10762" width="2" style="125" customWidth="1"/>
    <col min="10763" max="11008" width="9" style="125"/>
    <col min="11009" max="11009" width="10.6640625" style="125" customWidth="1"/>
    <col min="11010" max="11011" width="15.6640625" style="125" customWidth="1"/>
    <col min="11012" max="11012" width="12.6640625" style="125" customWidth="1"/>
    <col min="11013" max="11013" width="7.77734375" style="125" customWidth="1"/>
    <col min="11014" max="11014" width="23.21875" style="125" customWidth="1"/>
    <col min="11015" max="11016" width="14.21875" style="125" customWidth="1"/>
    <col min="11017" max="11017" width="2.6640625" style="125" customWidth="1"/>
    <col min="11018" max="11018" width="2" style="125" customWidth="1"/>
    <col min="11019" max="11264" width="9" style="125"/>
    <col min="11265" max="11265" width="10.6640625" style="125" customWidth="1"/>
    <col min="11266" max="11267" width="15.6640625" style="125" customWidth="1"/>
    <col min="11268" max="11268" width="12.6640625" style="125" customWidth="1"/>
    <col min="11269" max="11269" width="7.77734375" style="125" customWidth="1"/>
    <col min="11270" max="11270" width="23.21875" style="125" customWidth="1"/>
    <col min="11271" max="11272" width="14.21875" style="125" customWidth="1"/>
    <col min="11273" max="11273" width="2.6640625" style="125" customWidth="1"/>
    <col min="11274" max="11274" width="2" style="125" customWidth="1"/>
    <col min="11275" max="11520" width="9" style="125"/>
    <col min="11521" max="11521" width="10.6640625" style="125" customWidth="1"/>
    <col min="11522" max="11523" width="15.6640625" style="125" customWidth="1"/>
    <col min="11524" max="11524" width="12.6640625" style="125" customWidth="1"/>
    <col min="11525" max="11525" width="7.77734375" style="125" customWidth="1"/>
    <col min="11526" max="11526" width="23.21875" style="125" customWidth="1"/>
    <col min="11527" max="11528" width="14.21875" style="125" customWidth="1"/>
    <col min="11529" max="11529" width="2.6640625" style="125" customWidth="1"/>
    <col min="11530" max="11530" width="2" style="125" customWidth="1"/>
    <col min="11531" max="11776" width="9" style="125"/>
    <col min="11777" max="11777" width="10.6640625" style="125" customWidth="1"/>
    <col min="11778" max="11779" width="15.6640625" style="125" customWidth="1"/>
    <col min="11780" max="11780" width="12.6640625" style="125" customWidth="1"/>
    <col min="11781" max="11781" width="7.77734375" style="125" customWidth="1"/>
    <col min="11782" max="11782" width="23.21875" style="125" customWidth="1"/>
    <col min="11783" max="11784" width="14.21875" style="125" customWidth="1"/>
    <col min="11785" max="11785" width="2.6640625" style="125" customWidth="1"/>
    <col min="11786" max="11786" width="2" style="125" customWidth="1"/>
    <col min="11787" max="12032" width="9" style="125"/>
    <col min="12033" max="12033" width="10.6640625" style="125" customWidth="1"/>
    <col min="12034" max="12035" width="15.6640625" style="125" customWidth="1"/>
    <col min="12036" max="12036" width="12.6640625" style="125" customWidth="1"/>
    <col min="12037" max="12037" width="7.77734375" style="125" customWidth="1"/>
    <col min="12038" max="12038" width="23.21875" style="125" customWidth="1"/>
    <col min="12039" max="12040" width="14.21875" style="125" customWidth="1"/>
    <col min="12041" max="12041" width="2.6640625" style="125" customWidth="1"/>
    <col min="12042" max="12042" width="2" style="125" customWidth="1"/>
    <col min="12043" max="12288" width="9" style="125"/>
    <col min="12289" max="12289" width="10.6640625" style="125" customWidth="1"/>
    <col min="12290" max="12291" width="15.6640625" style="125" customWidth="1"/>
    <col min="12292" max="12292" width="12.6640625" style="125" customWidth="1"/>
    <col min="12293" max="12293" width="7.77734375" style="125" customWidth="1"/>
    <col min="12294" max="12294" width="23.21875" style="125" customWidth="1"/>
    <col min="12295" max="12296" width="14.21875" style="125" customWidth="1"/>
    <col min="12297" max="12297" width="2.6640625" style="125" customWidth="1"/>
    <col min="12298" max="12298" width="2" style="125" customWidth="1"/>
    <col min="12299" max="12544" width="9" style="125"/>
    <col min="12545" max="12545" width="10.6640625" style="125" customWidth="1"/>
    <col min="12546" max="12547" width="15.6640625" style="125" customWidth="1"/>
    <col min="12548" max="12548" width="12.6640625" style="125" customWidth="1"/>
    <col min="12549" max="12549" width="7.77734375" style="125" customWidth="1"/>
    <col min="12550" max="12550" width="23.21875" style="125" customWidth="1"/>
    <col min="12551" max="12552" width="14.21875" style="125" customWidth="1"/>
    <col min="12553" max="12553" width="2.6640625" style="125" customWidth="1"/>
    <col min="12554" max="12554" width="2" style="125" customWidth="1"/>
    <col min="12555" max="12800" width="9" style="125"/>
    <col min="12801" max="12801" width="10.6640625" style="125" customWidth="1"/>
    <col min="12802" max="12803" width="15.6640625" style="125" customWidth="1"/>
    <col min="12804" max="12804" width="12.6640625" style="125" customWidth="1"/>
    <col min="12805" max="12805" width="7.77734375" style="125" customWidth="1"/>
    <col min="12806" max="12806" width="23.21875" style="125" customWidth="1"/>
    <col min="12807" max="12808" width="14.21875" style="125" customWidth="1"/>
    <col min="12809" max="12809" width="2.6640625" style="125" customWidth="1"/>
    <col min="12810" max="12810" width="2" style="125" customWidth="1"/>
    <col min="12811" max="13056" width="9" style="125"/>
    <col min="13057" max="13057" width="10.6640625" style="125" customWidth="1"/>
    <col min="13058" max="13059" width="15.6640625" style="125" customWidth="1"/>
    <col min="13060" max="13060" width="12.6640625" style="125" customWidth="1"/>
    <col min="13061" max="13061" width="7.77734375" style="125" customWidth="1"/>
    <col min="13062" max="13062" width="23.21875" style="125" customWidth="1"/>
    <col min="13063" max="13064" width="14.21875" style="125" customWidth="1"/>
    <col min="13065" max="13065" width="2.6640625" style="125" customWidth="1"/>
    <col min="13066" max="13066" width="2" style="125" customWidth="1"/>
    <col min="13067" max="13312" width="9" style="125"/>
    <col min="13313" max="13313" width="10.6640625" style="125" customWidth="1"/>
    <col min="13314" max="13315" width="15.6640625" style="125" customWidth="1"/>
    <col min="13316" max="13316" width="12.6640625" style="125" customWidth="1"/>
    <col min="13317" max="13317" width="7.77734375" style="125" customWidth="1"/>
    <col min="13318" max="13318" width="23.21875" style="125" customWidth="1"/>
    <col min="13319" max="13320" width="14.21875" style="125" customWidth="1"/>
    <col min="13321" max="13321" width="2.6640625" style="125" customWidth="1"/>
    <col min="13322" max="13322" width="2" style="125" customWidth="1"/>
    <col min="13323" max="13568" width="9" style="125"/>
    <col min="13569" max="13569" width="10.6640625" style="125" customWidth="1"/>
    <col min="13570" max="13571" width="15.6640625" style="125" customWidth="1"/>
    <col min="13572" max="13572" width="12.6640625" style="125" customWidth="1"/>
    <col min="13573" max="13573" width="7.77734375" style="125" customWidth="1"/>
    <col min="13574" max="13574" width="23.21875" style="125" customWidth="1"/>
    <col min="13575" max="13576" width="14.21875" style="125" customWidth="1"/>
    <col min="13577" max="13577" width="2.6640625" style="125" customWidth="1"/>
    <col min="13578" max="13578" width="2" style="125" customWidth="1"/>
    <col min="13579" max="13824" width="9" style="125"/>
    <col min="13825" max="13825" width="10.6640625" style="125" customWidth="1"/>
    <col min="13826" max="13827" width="15.6640625" style="125" customWidth="1"/>
    <col min="13828" max="13828" width="12.6640625" style="125" customWidth="1"/>
    <col min="13829" max="13829" width="7.77734375" style="125" customWidth="1"/>
    <col min="13830" max="13830" width="23.21875" style="125" customWidth="1"/>
    <col min="13831" max="13832" width="14.21875" style="125" customWidth="1"/>
    <col min="13833" max="13833" width="2.6640625" style="125" customWidth="1"/>
    <col min="13834" max="13834" width="2" style="125" customWidth="1"/>
    <col min="13835" max="14080" width="9" style="125"/>
    <col min="14081" max="14081" width="10.6640625" style="125" customWidth="1"/>
    <col min="14082" max="14083" width="15.6640625" style="125" customWidth="1"/>
    <col min="14084" max="14084" width="12.6640625" style="125" customWidth="1"/>
    <col min="14085" max="14085" width="7.77734375" style="125" customWidth="1"/>
    <col min="14086" max="14086" width="23.21875" style="125" customWidth="1"/>
    <col min="14087" max="14088" width="14.21875" style="125" customWidth="1"/>
    <col min="14089" max="14089" width="2.6640625" style="125" customWidth="1"/>
    <col min="14090" max="14090" width="2" style="125" customWidth="1"/>
    <col min="14091" max="14336" width="9" style="125"/>
    <col min="14337" max="14337" width="10.6640625" style="125" customWidth="1"/>
    <col min="14338" max="14339" width="15.6640625" style="125" customWidth="1"/>
    <col min="14340" max="14340" width="12.6640625" style="125" customWidth="1"/>
    <col min="14341" max="14341" width="7.77734375" style="125" customWidth="1"/>
    <col min="14342" max="14342" width="23.21875" style="125" customWidth="1"/>
    <col min="14343" max="14344" width="14.21875" style="125" customWidth="1"/>
    <col min="14345" max="14345" width="2.6640625" style="125" customWidth="1"/>
    <col min="14346" max="14346" width="2" style="125" customWidth="1"/>
    <col min="14347" max="14592" width="9" style="125"/>
    <col min="14593" max="14593" width="10.6640625" style="125" customWidth="1"/>
    <col min="14594" max="14595" width="15.6640625" style="125" customWidth="1"/>
    <col min="14596" max="14596" width="12.6640625" style="125" customWidth="1"/>
    <col min="14597" max="14597" width="7.77734375" style="125" customWidth="1"/>
    <col min="14598" max="14598" width="23.21875" style="125" customWidth="1"/>
    <col min="14599" max="14600" width="14.21875" style="125" customWidth="1"/>
    <col min="14601" max="14601" width="2.6640625" style="125" customWidth="1"/>
    <col min="14602" max="14602" width="2" style="125" customWidth="1"/>
    <col min="14603" max="14848" width="9" style="125"/>
    <col min="14849" max="14849" width="10.6640625" style="125" customWidth="1"/>
    <col min="14850" max="14851" width="15.6640625" style="125" customWidth="1"/>
    <col min="14852" max="14852" width="12.6640625" style="125" customWidth="1"/>
    <col min="14853" max="14853" width="7.77734375" style="125" customWidth="1"/>
    <col min="14854" max="14854" width="23.21875" style="125" customWidth="1"/>
    <col min="14855" max="14856" width="14.21875" style="125" customWidth="1"/>
    <col min="14857" max="14857" width="2.6640625" style="125" customWidth="1"/>
    <col min="14858" max="14858" width="2" style="125" customWidth="1"/>
    <col min="14859" max="15104" width="9" style="125"/>
    <col min="15105" max="15105" width="10.6640625" style="125" customWidth="1"/>
    <col min="15106" max="15107" width="15.6640625" style="125" customWidth="1"/>
    <col min="15108" max="15108" width="12.6640625" style="125" customWidth="1"/>
    <col min="15109" max="15109" width="7.77734375" style="125" customWidth="1"/>
    <col min="15110" max="15110" width="23.21875" style="125" customWidth="1"/>
    <col min="15111" max="15112" width="14.21875" style="125" customWidth="1"/>
    <col min="15113" max="15113" width="2.6640625" style="125" customWidth="1"/>
    <col min="15114" max="15114" width="2" style="125" customWidth="1"/>
    <col min="15115" max="15360" width="9" style="125"/>
    <col min="15361" max="15361" width="10.6640625" style="125" customWidth="1"/>
    <col min="15362" max="15363" width="15.6640625" style="125" customWidth="1"/>
    <col min="15364" max="15364" width="12.6640625" style="125" customWidth="1"/>
    <col min="15365" max="15365" width="7.77734375" style="125" customWidth="1"/>
    <col min="15366" max="15366" width="23.21875" style="125" customWidth="1"/>
    <col min="15367" max="15368" width="14.21875" style="125" customWidth="1"/>
    <col min="15369" max="15369" width="2.6640625" style="125" customWidth="1"/>
    <col min="15370" max="15370" width="2" style="125" customWidth="1"/>
    <col min="15371" max="15616" width="9" style="125"/>
    <col min="15617" max="15617" width="10.6640625" style="125" customWidth="1"/>
    <col min="15618" max="15619" width="15.6640625" style="125" customWidth="1"/>
    <col min="15620" max="15620" width="12.6640625" style="125" customWidth="1"/>
    <col min="15621" max="15621" width="7.77734375" style="125" customWidth="1"/>
    <col min="15622" max="15622" width="23.21875" style="125" customWidth="1"/>
    <col min="15623" max="15624" width="14.21875" style="125" customWidth="1"/>
    <col min="15625" max="15625" width="2.6640625" style="125" customWidth="1"/>
    <col min="15626" max="15626" width="2" style="125" customWidth="1"/>
    <col min="15627" max="15872" width="9" style="125"/>
    <col min="15873" max="15873" width="10.6640625" style="125" customWidth="1"/>
    <col min="15874" max="15875" width="15.6640625" style="125" customWidth="1"/>
    <col min="15876" max="15876" width="12.6640625" style="125" customWidth="1"/>
    <col min="15877" max="15877" width="7.77734375" style="125" customWidth="1"/>
    <col min="15878" max="15878" width="23.21875" style="125" customWidth="1"/>
    <col min="15879" max="15880" width="14.21875" style="125" customWidth="1"/>
    <col min="15881" max="15881" width="2.6640625" style="125" customWidth="1"/>
    <col min="15882" max="15882" width="2" style="125" customWidth="1"/>
    <col min="15883" max="16128" width="9" style="125"/>
    <col min="16129" max="16129" width="10.6640625" style="125" customWidth="1"/>
    <col min="16130" max="16131" width="15.6640625" style="125" customWidth="1"/>
    <col min="16132" max="16132" width="12.6640625" style="125" customWidth="1"/>
    <col min="16133" max="16133" width="7.77734375" style="125" customWidth="1"/>
    <col min="16134" max="16134" width="23.21875" style="125" customWidth="1"/>
    <col min="16135" max="16136" width="14.21875" style="125" customWidth="1"/>
    <col min="16137" max="16137" width="2.6640625" style="125" customWidth="1"/>
    <col min="16138" max="16138" width="2" style="125" customWidth="1"/>
    <col min="16139" max="16384" width="9" style="125"/>
  </cols>
  <sheetData>
    <row r="1" spans="1:9" ht="20.25" customHeight="1">
      <c r="A1" s="180" t="s">
        <v>77</v>
      </c>
      <c r="C1" s="121"/>
      <c r="D1" s="121"/>
      <c r="E1" s="121"/>
    </row>
    <row r="2" spans="1:9" ht="30.75" customHeight="1">
      <c r="A2" s="306" t="s">
        <v>137</v>
      </c>
      <c r="B2" s="306"/>
      <c r="C2" s="306"/>
      <c r="D2" s="306"/>
      <c r="E2" s="306"/>
      <c r="F2" s="306"/>
      <c r="G2" s="126"/>
      <c r="H2" s="126"/>
      <c r="I2" s="126"/>
    </row>
    <row r="4" spans="1:9">
      <c r="E4" s="172"/>
      <c r="F4" s="171" t="s">
        <v>149</v>
      </c>
    </row>
    <row r="6" spans="1:9">
      <c r="A6" s="307" t="s">
        <v>138</v>
      </c>
      <c r="B6" s="307" t="s">
        <v>139</v>
      </c>
      <c r="C6" s="307" t="s">
        <v>140</v>
      </c>
      <c r="D6" s="122" t="s">
        <v>141</v>
      </c>
      <c r="E6" s="122" t="s">
        <v>142</v>
      </c>
      <c r="F6" s="307" t="s">
        <v>143</v>
      </c>
    </row>
    <row r="7" spans="1:9" ht="19.2">
      <c r="A7" s="307"/>
      <c r="B7" s="307"/>
      <c r="C7" s="307"/>
      <c r="D7" s="123" t="s">
        <v>148</v>
      </c>
      <c r="E7" s="124" t="s">
        <v>144</v>
      </c>
      <c r="F7" s="307"/>
    </row>
    <row r="8" spans="1:9" ht="36.450000000000003" customHeight="1">
      <c r="A8" s="169"/>
      <c r="B8" s="169"/>
      <c r="C8" s="169"/>
      <c r="D8" s="170"/>
      <c r="E8" s="169"/>
      <c r="F8" s="169"/>
    </row>
    <row r="9" spans="1:9" ht="36.450000000000003" customHeight="1">
      <c r="A9" s="148"/>
      <c r="B9" s="148"/>
      <c r="C9" s="148"/>
      <c r="D9" s="149"/>
      <c r="E9" s="148"/>
      <c r="F9" s="148"/>
    </row>
    <row r="10" spans="1:9" ht="36.450000000000003" customHeight="1">
      <c r="A10" s="148"/>
      <c r="B10" s="148"/>
      <c r="C10" s="148"/>
      <c r="D10" s="149"/>
      <c r="E10" s="148"/>
      <c r="F10" s="148"/>
    </row>
    <row r="11" spans="1:9" ht="36.450000000000003" customHeight="1">
      <c r="A11" s="148"/>
      <c r="B11" s="148"/>
      <c r="C11" s="148"/>
      <c r="D11" s="149"/>
      <c r="E11" s="148"/>
      <c r="F11" s="148"/>
    </row>
    <row r="12" spans="1:9" ht="36.450000000000003" customHeight="1">
      <c r="A12" s="148"/>
      <c r="B12" s="148"/>
      <c r="C12" s="148"/>
      <c r="D12" s="149"/>
      <c r="E12" s="148"/>
      <c r="F12" s="148"/>
    </row>
    <row r="13" spans="1:9" ht="36.450000000000003" customHeight="1">
      <c r="A13" s="148"/>
      <c r="B13" s="148"/>
      <c r="C13" s="148"/>
      <c r="D13" s="149"/>
      <c r="E13" s="148"/>
      <c r="F13" s="148"/>
    </row>
    <row r="14" spans="1:9" ht="36.450000000000003" customHeight="1">
      <c r="A14" s="148"/>
      <c r="B14" s="148"/>
      <c r="C14" s="148"/>
      <c r="D14" s="149"/>
      <c r="E14" s="148"/>
      <c r="F14" s="148"/>
    </row>
    <row r="15" spans="1:9" ht="36.450000000000003" customHeight="1">
      <c r="A15" s="148"/>
      <c r="B15" s="148"/>
      <c r="C15" s="148"/>
      <c r="D15" s="149"/>
      <c r="E15" s="148"/>
      <c r="F15" s="148"/>
    </row>
    <row r="16" spans="1:9" ht="36.450000000000003" customHeight="1">
      <c r="A16" s="148"/>
      <c r="B16" s="148"/>
      <c r="C16" s="148"/>
      <c r="D16" s="149"/>
      <c r="E16" s="148"/>
      <c r="F16" s="148"/>
    </row>
    <row r="17" spans="1:6" ht="36.450000000000003" customHeight="1">
      <c r="A17" s="148"/>
      <c r="B17" s="148"/>
      <c r="C17" s="148"/>
      <c r="D17" s="149"/>
      <c r="E17" s="148"/>
      <c r="F17" s="148"/>
    </row>
    <row r="18" spans="1:6" ht="36.450000000000003" customHeight="1">
      <c r="A18" s="148"/>
      <c r="B18" s="148"/>
      <c r="C18" s="148"/>
      <c r="D18" s="149"/>
      <c r="E18" s="148"/>
      <c r="F18" s="148"/>
    </row>
    <row r="19" spans="1:6" ht="36.450000000000003" customHeight="1">
      <c r="A19" s="148"/>
      <c r="B19" s="148"/>
      <c r="C19" s="148"/>
      <c r="D19" s="149"/>
      <c r="E19" s="148"/>
      <c r="F19" s="148"/>
    </row>
    <row r="21" spans="1:6" ht="36.75" customHeight="1">
      <c r="A21" s="305" t="s">
        <v>145</v>
      </c>
      <c r="B21" s="305"/>
      <c r="C21" s="305"/>
      <c r="D21" s="305"/>
      <c r="E21" s="305"/>
      <c r="F21" s="305"/>
    </row>
    <row r="22" spans="1:6" ht="28.5" customHeight="1">
      <c r="A22" s="127"/>
      <c r="B22" s="127"/>
      <c r="C22" s="127"/>
      <c r="D22" s="125" t="s">
        <v>146</v>
      </c>
      <c r="E22" s="304"/>
      <c r="F22" s="304"/>
    </row>
    <row r="23" spans="1:6" ht="28.5" customHeight="1">
      <c r="A23" s="127"/>
      <c r="B23" s="127"/>
      <c r="C23" s="127"/>
      <c r="D23" s="125" t="s">
        <v>147</v>
      </c>
      <c r="E23" s="127"/>
      <c r="F23" s="177"/>
    </row>
    <row r="24" spans="1:6">
      <c r="A24" s="127"/>
      <c r="F24" s="128"/>
    </row>
  </sheetData>
  <customSheetViews>
    <customSheetView guid="{864473BD-17CB-4242-8B82-DC63A9F91306}" showPageBreaks="1" view="pageBreakPreview">
      <selection activeCell="A2" sqref="A2:F2"/>
      <pageMargins left="0.78740157480314965" right="0.78740157480314965" top="0.59055118110236227" bottom="0.59055118110236227" header="0.31496062992125984" footer="0.51181102362204722"/>
      <pageSetup paperSize="9" orientation="portrait" r:id="rId1"/>
      <headerFooter alignWithMargins="0"/>
    </customSheetView>
  </customSheetViews>
  <mergeCells count="7">
    <mergeCell ref="E22:F22"/>
    <mergeCell ref="A21:F21"/>
    <mergeCell ref="A2:F2"/>
    <mergeCell ref="A6:A7"/>
    <mergeCell ref="B6:B7"/>
    <mergeCell ref="C6:C7"/>
    <mergeCell ref="F6:F7"/>
  </mergeCells>
  <phoneticPr fontId="8"/>
  <conditionalFormatting sqref="F4">
    <cfRule type="expression" dxfId="0" priority="2" stopIfTrue="1">
      <formula>""</formula>
    </cfRule>
  </conditionalFormatting>
  <dataValidations count="1">
    <dataValidation type="list" allowBlank="1" showInputMessage="1" showErrorMessage="1" sqref="E8:E19" xr:uid="{00000000-0002-0000-0400-000000000000}">
      <formula1>"男, 女"</formula1>
    </dataValidation>
  </dataValidations>
  <printOptions horizontalCentered="1"/>
  <pageMargins left="0.59055118110236227" right="0.59055118110236227" top="0.59055118110236227" bottom="0.59055118110236227" header="0.31496062992125984" footer="0.31496062992125984"/>
  <pageSetup paperSize="9" orientation="portrait" blackAndWhite="1"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E43"/>
  <sheetViews>
    <sheetView topLeftCell="A11" zoomScaleNormal="100" zoomScaleSheetLayoutView="100" workbookViewId="0">
      <selection activeCell="P23" sqref="P23"/>
    </sheetView>
  </sheetViews>
  <sheetFormatPr defaultRowHeight="14.4"/>
  <cols>
    <col min="1" max="1" width="5" style="75" customWidth="1"/>
    <col min="2" max="2" width="14.44140625" style="75" customWidth="1"/>
    <col min="3" max="3" width="11.109375" style="75" customWidth="1"/>
    <col min="4" max="4" width="8.33203125" style="75" customWidth="1"/>
    <col min="5" max="5" width="6.109375" style="75" customWidth="1"/>
    <col min="6" max="6" width="1.77734375" style="75" customWidth="1"/>
    <col min="7" max="7" width="7.21875" style="75" customWidth="1"/>
    <col min="8" max="8" width="4.109375" style="75" customWidth="1"/>
    <col min="9" max="9" width="1.77734375" style="75" customWidth="1"/>
    <col min="10" max="10" width="8.88671875" style="75"/>
    <col min="11" max="11" width="5" style="75" customWidth="1"/>
    <col min="12" max="12" width="1.6640625" style="75" customWidth="1"/>
    <col min="13" max="13" width="3.88671875" style="75" customWidth="1"/>
    <col min="14" max="14" width="2.109375" style="75" customWidth="1"/>
    <col min="15" max="16" width="4" style="75" customWidth="1"/>
    <col min="17" max="17" width="6.6640625" style="75" customWidth="1"/>
    <col min="18" max="18" width="1.44140625" style="153" customWidth="1"/>
    <col min="19" max="27" width="8.88671875" style="75"/>
    <col min="28" max="29" width="10" style="75" hidden="1" customWidth="1"/>
    <col min="30" max="30" width="68" style="75" hidden="1" customWidth="1"/>
    <col min="31" max="31" width="10" style="75" hidden="1" customWidth="1"/>
    <col min="32" max="39" width="10" style="75" customWidth="1"/>
    <col min="40" max="246" width="8.88671875" style="75"/>
    <col min="247" max="247" width="7.44140625" style="75" customWidth="1"/>
    <col min="248" max="248" width="16" style="75" customWidth="1"/>
    <col min="249" max="249" width="12.21875" style="75" customWidth="1"/>
    <col min="250" max="250" width="6.109375" style="75" customWidth="1"/>
    <col min="251" max="251" width="1.77734375" style="75" customWidth="1"/>
    <col min="252" max="252" width="7.21875" style="75" customWidth="1"/>
    <col min="253" max="253" width="4.109375" style="75" customWidth="1"/>
    <col min="254" max="254" width="5.77734375" style="75" customWidth="1"/>
    <col min="255" max="255" width="1.77734375" style="75" customWidth="1"/>
    <col min="256" max="256" width="8.88671875" style="75"/>
    <col min="257" max="257" width="5" style="75" customWidth="1"/>
    <col min="258" max="258" width="1.6640625" style="75" customWidth="1"/>
    <col min="259" max="259" width="3.88671875" style="75" customWidth="1"/>
    <col min="260" max="260" width="2.109375" style="75" customWidth="1"/>
    <col min="261" max="262" width="4" style="75" customWidth="1"/>
    <col min="263" max="263" width="13.77734375" style="75" customWidth="1"/>
    <col min="264" max="264" width="1.44140625" style="75" customWidth="1"/>
    <col min="265" max="265" width="3.44140625" style="75" customWidth="1"/>
    <col min="266" max="266" width="1.6640625" style="75" customWidth="1"/>
    <col min="267" max="267" width="72.44140625" style="75" customWidth="1"/>
    <col min="268" max="268" width="8.33203125" style="75" customWidth="1"/>
    <col min="269" max="272" width="0" style="75" hidden="1" customWidth="1"/>
    <col min="273" max="283" width="8.88671875" style="75"/>
    <col min="284" max="287" width="0" style="75" hidden="1" customWidth="1"/>
    <col min="288" max="295" width="10" style="75" customWidth="1"/>
    <col min="296" max="502" width="8.88671875" style="75"/>
    <col min="503" max="503" width="7.44140625" style="75" customWidth="1"/>
    <col min="504" max="504" width="16" style="75" customWidth="1"/>
    <col min="505" max="505" width="12.21875" style="75" customWidth="1"/>
    <col min="506" max="506" width="6.109375" style="75" customWidth="1"/>
    <col min="507" max="507" width="1.77734375" style="75" customWidth="1"/>
    <col min="508" max="508" width="7.21875" style="75" customWidth="1"/>
    <col min="509" max="509" width="4.109375" style="75" customWidth="1"/>
    <col min="510" max="510" width="5.77734375" style="75" customWidth="1"/>
    <col min="511" max="511" width="1.77734375" style="75" customWidth="1"/>
    <col min="512" max="512" width="8.88671875" style="75"/>
    <col min="513" max="513" width="5" style="75" customWidth="1"/>
    <col min="514" max="514" width="1.6640625" style="75" customWidth="1"/>
    <col min="515" max="515" width="3.88671875" style="75" customWidth="1"/>
    <col min="516" max="516" width="2.109375" style="75" customWidth="1"/>
    <col min="517" max="518" width="4" style="75" customWidth="1"/>
    <col min="519" max="519" width="13.77734375" style="75" customWidth="1"/>
    <col min="520" max="520" width="1.44140625" style="75" customWidth="1"/>
    <col min="521" max="521" width="3.44140625" style="75" customWidth="1"/>
    <col min="522" max="522" width="1.6640625" style="75" customWidth="1"/>
    <col min="523" max="523" width="72.44140625" style="75" customWidth="1"/>
    <col min="524" max="524" width="8.33203125" style="75" customWidth="1"/>
    <col min="525" max="528" width="0" style="75" hidden="1" customWidth="1"/>
    <col min="529" max="539" width="8.88671875" style="75"/>
    <col min="540" max="543" width="0" style="75" hidden="1" customWidth="1"/>
    <col min="544" max="551" width="10" style="75" customWidth="1"/>
    <col min="552" max="758" width="8.88671875" style="75"/>
    <col min="759" max="759" width="7.44140625" style="75" customWidth="1"/>
    <col min="760" max="760" width="16" style="75" customWidth="1"/>
    <col min="761" max="761" width="12.21875" style="75" customWidth="1"/>
    <col min="762" max="762" width="6.109375" style="75" customWidth="1"/>
    <col min="763" max="763" width="1.77734375" style="75" customWidth="1"/>
    <col min="764" max="764" width="7.21875" style="75" customWidth="1"/>
    <col min="765" max="765" width="4.109375" style="75" customWidth="1"/>
    <col min="766" max="766" width="5.77734375" style="75" customWidth="1"/>
    <col min="767" max="767" width="1.77734375" style="75" customWidth="1"/>
    <col min="768" max="768" width="8.88671875" style="75"/>
    <col min="769" max="769" width="5" style="75" customWidth="1"/>
    <col min="770" max="770" width="1.6640625" style="75" customWidth="1"/>
    <col min="771" max="771" width="3.88671875" style="75" customWidth="1"/>
    <col min="772" max="772" width="2.109375" style="75" customWidth="1"/>
    <col min="773" max="774" width="4" style="75" customWidth="1"/>
    <col min="775" max="775" width="13.77734375" style="75" customWidth="1"/>
    <col min="776" max="776" width="1.44140625" style="75" customWidth="1"/>
    <col min="777" max="777" width="3.44140625" style="75" customWidth="1"/>
    <col min="778" max="778" width="1.6640625" style="75" customWidth="1"/>
    <col min="779" max="779" width="72.44140625" style="75" customWidth="1"/>
    <col min="780" max="780" width="8.33203125" style="75" customWidth="1"/>
    <col min="781" max="784" width="0" style="75" hidden="1" customWidth="1"/>
    <col min="785" max="795" width="8.88671875" style="75"/>
    <col min="796" max="799" width="0" style="75" hidden="1" customWidth="1"/>
    <col min="800" max="807" width="10" style="75" customWidth="1"/>
    <col min="808" max="1014" width="8.88671875" style="75"/>
    <col min="1015" max="1015" width="7.44140625" style="75" customWidth="1"/>
    <col min="1016" max="1016" width="16" style="75" customWidth="1"/>
    <col min="1017" max="1017" width="12.21875" style="75" customWidth="1"/>
    <col min="1018" max="1018" width="6.109375" style="75" customWidth="1"/>
    <col min="1019" max="1019" width="1.77734375" style="75" customWidth="1"/>
    <col min="1020" max="1020" width="7.21875" style="75" customWidth="1"/>
    <col min="1021" max="1021" width="4.109375" style="75" customWidth="1"/>
    <col min="1022" max="1022" width="5.77734375" style="75" customWidth="1"/>
    <col min="1023" max="1023" width="1.77734375" style="75" customWidth="1"/>
    <col min="1024" max="1024" width="8.88671875" style="75"/>
    <col min="1025" max="1025" width="5" style="75" customWidth="1"/>
    <col min="1026" max="1026" width="1.6640625" style="75" customWidth="1"/>
    <col min="1027" max="1027" width="3.88671875" style="75" customWidth="1"/>
    <col min="1028" max="1028" width="2.109375" style="75" customWidth="1"/>
    <col min="1029" max="1030" width="4" style="75" customWidth="1"/>
    <col min="1031" max="1031" width="13.77734375" style="75" customWidth="1"/>
    <col min="1032" max="1032" width="1.44140625" style="75" customWidth="1"/>
    <col min="1033" max="1033" width="3.44140625" style="75" customWidth="1"/>
    <col min="1034" max="1034" width="1.6640625" style="75" customWidth="1"/>
    <col min="1035" max="1035" width="72.44140625" style="75" customWidth="1"/>
    <col min="1036" max="1036" width="8.33203125" style="75" customWidth="1"/>
    <col min="1037" max="1040" width="0" style="75" hidden="1" customWidth="1"/>
    <col min="1041" max="1051" width="8.88671875" style="75"/>
    <col min="1052" max="1055" width="0" style="75" hidden="1" customWidth="1"/>
    <col min="1056" max="1063" width="10" style="75" customWidth="1"/>
    <col min="1064" max="1270" width="8.88671875" style="75"/>
    <col min="1271" max="1271" width="7.44140625" style="75" customWidth="1"/>
    <col min="1272" max="1272" width="16" style="75" customWidth="1"/>
    <col min="1273" max="1273" width="12.21875" style="75" customWidth="1"/>
    <col min="1274" max="1274" width="6.109375" style="75" customWidth="1"/>
    <col min="1275" max="1275" width="1.77734375" style="75" customWidth="1"/>
    <col min="1276" max="1276" width="7.21875" style="75" customWidth="1"/>
    <col min="1277" max="1277" width="4.109375" style="75" customWidth="1"/>
    <col min="1278" max="1278" width="5.77734375" style="75" customWidth="1"/>
    <col min="1279" max="1279" width="1.77734375" style="75" customWidth="1"/>
    <col min="1280" max="1280" width="8.88671875" style="75"/>
    <col min="1281" max="1281" width="5" style="75" customWidth="1"/>
    <col min="1282" max="1282" width="1.6640625" style="75" customWidth="1"/>
    <col min="1283" max="1283" width="3.88671875" style="75" customWidth="1"/>
    <col min="1284" max="1284" width="2.109375" style="75" customWidth="1"/>
    <col min="1285" max="1286" width="4" style="75" customWidth="1"/>
    <col min="1287" max="1287" width="13.77734375" style="75" customWidth="1"/>
    <col min="1288" max="1288" width="1.44140625" style="75" customWidth="1"/>
    <col min="1289" max="1289" width="3.44140625" style="75" customWidth="1"/>
    <col min="1290" max="1290" width="1.6640625" style="75" customWidth="1"/>
    <col min="1291" max="1291" width="72.44140625" style="75" customWidth="1"/>
    <col min="1292" max="1292" width="8.33203125" style="75" customWidth="1"/>
    <col min="1293" max="1296" width="0" style="75" hidden="1" customWidth="1"/>
    <col min="1297" max="1307" width="8.88671875" style="75"/>
    <col min="1308" max="1311" width="0" style="75" hidden="1" customWidth="1"/>
    <col min="1312" max="1319" width="10" style="75" customWidth="1"/>
    <col min="1320" max="1526" width="8.88671875" style="75"/>
    <col min="1527" max="1527" width="7.44140625" style="75" customWidth="1"/>
    <col min="1528" max="1528" width="16" style="75" customWidth="1"/>
    <col min="1529" max="1529" width="12.21875" style="75" customWidth="1"/>
    <col min="1530" max="1530" width="6.109375" style="75" customWidth="1"/>
    <col min="1531" max="1531" width="1.77734375" style="75" customWidth="1"/>
    <col min="1532" max="1532" width="7.21875" style="75" customWidth="1"/>
    <col min="1533" max="1533" width="4.109375" style="75" customWidth="1"/>
    <col min="1534" max="1534" width="5.77734375" style="75" customWidth="1"/>
    <col min="1535" max="1535" width="1.77734375" style="75" customWidth="1"/>
    <col min="1536" max="1536" width="8.88671875" style="75"/>
    <col min="1537" max="1537" width="5" style="75" customWidth="1"/>
    <col min="1538" max="1538" width="1.6640625" style="75" customWidth="1"/>
    <col min="1539" max="1539" width="3.88671875" style="75" customWidth="1"/>
    <col min="1540" max="1540" width="2.109375" style="75" customWidth="1"/>
    <col min="1541" max="1542" width="4" style="75" customWidth="1"/>
    <col min="1543" max="1543" width="13.77734375" style="75" customWidth="1"/>
    <col min="1544" max="1544" width="1.44140625" style="75" customWidth="1"/>
    <col min="1545" max="1545" width="3.44140625" style="75" customWidth="1"/>
    <col min="1546" max="1546" width="1.6640625" style="75" customWidth="1"/>
    <col min="1547" max="1547" width="72.44140625" style="75" customWidth="1"/>
    <col min="1548" max="1548" width="8.33203125" style="75" customWidth="1"/>
    <col min="1549" max="1552" width="0" style="75" hidden="1" customWidth="1"/>
    <col min="1553" max="1563" width="8.88671875" style="75"/>
    <col min="1564" max="1567" width="0" style="75" hidden="1" customWidth="1"/>
    <col min="1568" max="1575" width="10" style="75" customWidth="1"/>
    <col min="1576" max="1782" width="8.88671875" style="75"/>
    <col min="1783" max="1783" width="7.44140625" style="75" customWidth="1"/>
    <col min="1784" max="1784" width="16" style="75" customWidth="1"/>
    <col min="1785" max="1785" width="12.21875" style="75" customWidth="1"/>
    <col min="1786" max="1786" width="6.109375" style="75" customWidth="1"/>
    <col min="1787" max="1787" width="1.77734375" style="75" customWidth="1"/>
    <col min="1788" max="1788" width="7.21875" style="75" customWidth="1"/>
    <col min="1789" max="1789" width="4.109375" style="75" customWidth="1"/>
    <col min="1790" max="1790" width="5.77734375" style="75" customWidth="1"/>
    <col min="1791" max="1791" width="1.77734375" style="75" customWidth="1"/>
    <col min="1792" max="1792" width="8.88671875" style="75"/>
    <col min="1793" max="1793" width="5" style="75" customWidth="1"/>
    <col min="1794" max="1794" width="1.6640625" style="75" customWidth="1"/>
    <col min="1795" max="1795" width="3.88671875" style="75" customWidth="1"/>
    <col min="1796" max="1796" width="2.109375" style="75" customWidth="1"/>
    <col min="1797" max="1798" width="4" style="75" customWidth="1"/>
    <col min="1799" max="1799" width="13.77734375" style="75" customWidth="1"/>
    <col min="1800" max="1800" width="1.44140625" style="75" customWidth="1"/>
    <col min="1801" max="1801" width="3.44140625" style="75" customWidth="1"/>
    <col min="1802" max="1802" width="1.6640625" style="75" customWidth="1"/>
    <col min="1803" max="1803" width="72.44140625" style="75" customWidth="1"/>
    <col min="1804" max="1804" width="8.33203125" style="75" customWidth="1"/>
    <col min="1805" max="1808" width="0" style="75" hidden="1" customWidth="1"/>
    <col min="1809" max="1819" width="8.88671875" style="75"/>
    <col min="1820" max="1823" width="0" style="75" hidden="1" customWidth="1"/>
    <col min="1824" max="1831" width="10" style="75" customWidth="1"/>
    <col min="1832" max="2038" width="8.88671875" style="75"/>
    <col min="2039" max="2039" width="7.44140625" style="75" customWidth="1"/>
    <col min="2040" max="2040" width="16" style="75" customWidth="1"/>
    <col min="2041" max="2041" width="12.21875" style="75" customWidth="1"/>
    <col min="2042" max="2042" width="6.109375" style="75" customWidth="1"/>
    <col min="2043" max="2043" width="1.77734375" style="75" customWidth="1"/>
    <col min="2044" max="2044" width="7.21875" style="75" customWidth="1"/>
    <col min="2045" max="2045" width="4.109375" style="75" customWidth="1"/>
    <col min="2046" max="2046" width="5.77734375" style="75" customWidth="1"/>
    <col min="2047" max="2047" width="1.77734375" style="75" customWidth="1"/>
    <col min="2048" max="2048" width="8.88671875" style="75"/>
    <col min="2049" max="2049" width="5" style="75" customWidth="1"/>
    <col min="2050" max="2050" width="1.6640625" style="75" customWidth="1"/>
    <col min="2051" max="2051" width="3.88671875" style="75" customWidth="1"/>
    <col min="2052" max="2052" width="2.109375" style="75" customWidth="1"/>
    <col min="2053" max="2054" width="4" style="75" customWidth="1"/>
    <col min="2055" max="2055" width="13.77734375" style="75" customWidth="1"/>
    <col min="2056" max="2056" width="1.44140625" style="75" customWidth="1"/>
    <col min="2057" max="2057" width="3.44140625" style="75" customWidth="1"/>
    <col min="2058" max="2058" width="1.6640625" style="75" customWidth="1"/>
    <col min="2059" max="2059" width="72.44140625" style="75" customWidth="1"/>
    <col min="2060" max="2060" width="8.33203125" style="75" customWidth="1"/>
    <col min="2061" max="2064" width="0" style="75" hidden="1" customWidth="1"/>
    <col min="2065" max="2075" width="8.88671875" style="75"/>
    <col min="2076" max="2079" width="0" style="75" hidden="1" customWidth="1"/>
    <col min="2080" max="2087" width="10" style="75" customWidth="1"/>
    <col min="2088" max="2294" width="8.88671875" style="75"/>
    <col min="2295" max="2295" width="7.44140625" style="75" customWidth="1"/>
    <col min="2296" max="2296" width="16" style="75" customWidth="1"/>
    <col min="2297" max="2297" width="12.21875" style="75" customWidth="1"/>
    <col min="2298" max="2298" width="6.109375" style="75" customWidth="1"/>
    <col min="2299" max="2299" width="1.77734375" style="75" customWidth="1"/>
    <col min="2300" max="2300" width="7.21875" style="75" customWidth="1"/>
    <col min="2301" max="2301" width="4.109375" style="75" customWidth="1"/>
    <col min="2302" max="2302" width="5.77734375" style="75" customWidth="1"/>
    <col min="2303" max="2303" width="1.77734375" style="75" customWidth="1"/>
    <col min="2304" max="2304" width="8.88671875" style="75"/>
    <col min="2305" max="2305" width="5" style="75" customWidth="1"/>
    <col min="2306" max="2306" width="1.6640625" style="75" customWidth="1"/>
    <col min="2307" max="2307" width="3.88671875" style="75" customWidth="1"/>
    <col min="2308" max="2308" width="2.109375" style="75" customWidth="1"/>
    <col min="2309" max="2310" width="4" style="75" customWidth="1"/>
    <col min="2311" max="2311" width="13.77734375" style="75" customWidth="1"/>
    <col min="2312" max="2312" width="1.44140625" style="75" customWidth="1"/>
    <col min="2313" max="2313" width="3.44140625" style="75" customWidth="1"/>
    <col min="2314" max="2314" width="1.6640625" style="75" customWidth="1"/>
    <col min="2315" max="2315" width="72.44140625" style="75" customWidth="1"/>
    <col min="2316" max="2316" width="8.33203125" style="75" customWidth="1"/>
    <col min="2317" max="2320" width="0" style="75" hidden="1" customWidth="1"/>
    <col min="2321" max="2331" width="8.88671875" style="75"/>
    <col min="2332" max="2335" width="0" style="75" hidden="1" customWidth="1"/>
    <col min="2336" max="2343" width="10" style="75" customWidth="1"/>
    <col min="2344" max="2550" width="8.88671875" style="75"/>
    <col min="2551" max="2551" width="7.44140625" style="75" customWidth="1"/>
    <col min="2552" max="2552" width="16" style="75" customWidth="1"/>
    <col min="2553" max="2553" width="12.21875" style="75" customWidth="1"/>
    <col min="2554" max="2554" width="6.109375" style="75" customWidth="1"/>
    <col min="2555" max="2555" width="1.77734375" style="75" customWidth="1"/>
    <col min="2556" max="2556" width="7.21875" style="75" customWidth="1"/>
    <col min="2557" max="2557" width="4.109375" style="75" customWidth="1"/>
    <col min="2558" max="2558" width="5.77734375" style="75" customWidth="1"/>
    <col min="2559" max="2559" width="1.77734375" style="75" customWidth="1"/>
    <col min="2560" max="2560" width="8.88671875" style="75"/>
    <col min="2561" max="2561" width="5" style="75" customWidth="1"/>
    <col min="2562" max="2562" width="1.6640625" style="75" customWidth="1"/>
    <col min="2563" max="2563" width="3.88671875" style="75" customWidth="1"/>
    <col min="2564" max="2564" width="2.109375" style="75" customWidth="1"/>
    <col min="2565" max="2566" width="4" style="75" customWidth="1"/>
    <col min="2567" max="2567" width="13.77734375" style="75" customWidth="1"/>
    <col min="2568" max="2568" width="1.44140625" style="75" customWidth="1"/>
    <col min="2569" max="2569" width="3.44140625" style="75" customWidth="1"/>
    <col min="2570" max="2570" width="1.6640625" style="75" customWidth="1"/>
    <col min="2571" max="2571" width="72.44140625" style="75" customWidth="1"/>
    <col min="2572" max="2572" width="8.33203125" style="75" customWidth="1"/>
    <col min="2573" max="2576" width="0" style="75" hidden="1" customWidth="1"/>
    <col min="2577" max="2587" width="8.88671875" style="75"/>
    <col min="2588" max="2591" width="0" style="75" hidden="1" customWidth="1"/>
    <col min="2592" max="2599" width="10" style="75" customWidth="1"/>
    <col min="2600" max="2806" width="8.88671875" style="75"/>
    <col min="2807" max="2807" width="7.44140625" style="75" customWidth="1"/>
    <col min="2808" max="2808" width="16" style="75" customWidth="1"/>
    <col min="2809" max="2809" width="12.21875" style="75" customWidth="1"/>
    <col min="2810" max="2810" width="6.109375" style="75" customWidth="1"/>
    <col min="2811" max="2811" width="1.77734375" style="75" customWidth="1"/>
    <col min="2812" max="2812" width="7.21875" style="75" customWidth="1"/>
    <col min="2813" max="2813" width="4.109375" style="75" customWidth="1"/>
    <col min="2814" max="2814" width="5.77734375" style="75" customWidth="1"/>
    <col min="2815" max="2815" width="1.77734375" style="75" customWidth="1"/>
    <col min="2816" max="2816" width="8.88671875" style="75"/>
    <col min="2817" max="2817" width="5" style="75" customWidth="1"/>
    <col min="2818" max="2818" width="1.6640625" style="75" customWidth="1"/>
    <col min="2819" max="2819" width="3.88671875" style="75" customWidth="1"/>
    <col min="2820" max="2820" width="2.109375" style="75" customWidth="1"/>
    <col min="2821" max="2822" width="4" style="75" customWidth="1"/>
    <col min="2823" max="2823" width="13.77734375" style="75" customWidth="1"/>
    <col min="2824" max="2824" width="1.44140625" style="75" customWidth="1"/>
    <col min="2825" max="2825" width="3.44140625" style="75" customWidth="1"/>
    <col min="2826" max="2826" width="1.6640625" style="75" customWidth="1"/>
    <col min="2827" max="2827" width="72.44140625" style="75" customWidth="1"/>
    <col min="2828" max="2828" width="8.33203125" style="75" customWidth="1"/>
    <col min="2829" max="2832" width="0" style="75" hidden="1" customWidth="1"/>
    <col min="2833" max="2843" width="8.88671875" style="75"/>
    <col min="2844" max="2847" width="0" style="75" hidden="1" customWidth="1"/>
    <col min="2848" max="2855" width="10" style="75" customWidth="1"/>
    <col min="2856" max="3062" width="8.88671875" style="75"/>
    <col min="3063" max="3063" width="7.44140625" style="75" customWidth="1"/>
    <col min="3064" max="3064" width="16" style="75" customWidth="1"/>
    <col min="3065" max="3065" width="12.21875" style="75" customWidth="1"/>
    <col min="3066" max="3066" width="6.109375" style="75" customWidth="1"/>
    <col min="3067" max="3067" width="1.77734375" style="75" customWidth="1"/>
    <col min="3068" max="3068" width="7.21875" style="75" customWidth="1"/>
    <col min="3069" max="3069" width="4.109375" style="75" customWidth="1"/>
    <col min="3070" max="3070" width="5.77734375" style="75" customWidth="1"/>
    <col min="3071" max="3071" width="1.77734375" style="75" customWidth="1"/>
    <col min="3072" max="3072" width="8.88671875" style="75"/>
    <col min="3073" max="3073" width="5" style="75" customWidth="1"/>
    <col min="3074" max="3074" width="1.6640625" style="75" customWidth="1"/>
    <col min="3075" max="3075" width="3.88671875" style="75" customWidth="1"/>
    <col min="3076" max="3076" width="2.109375" style="75" customWidth="1"/>
    <col min="3077" max="3078" width="4" style="75" customWidth="1"/>
    <col min="3079" max="3079" width="13.77734375" style="75" customWidth="1"/>
    <col min="3080" max="3080" width="1.44140625" style="75" customWidth="1"/>
    <col min="3081" max="3081" width="3.44140625" style="75" customWidth="1"/>
    <col min="3082" max="3082" width="1.6640625" style="75" customWidth="1"/>
    <col min="3083" max="3083" width="72.44140625" style="75" customWidth="1"/>
    <col min="3084" max="3084" width="8.33203125" style="75" customWidth="1"/>
    <col min="3085" max="3088" width="0" style="75" hidden="1" customWidth="1"/>
    <col min="3089" max="3099" width="8.88671875" style="75"/>
    <col min="3100" max="3103" width="0" style="75" hidden="1" customWidth="1"/>
    <col min="3104" max="3111" width="10" style="75" customWidth="1"/>
    <col min="3112" max="3318" width="8.88671875" style="75"/>
    <col min="3319" max="3319" width="7.44140625" style="75" customWidth="1"/>
    <col min="3320" max="3320" width="16" style="75" customWidth="1"/>
    <col min="3321" max="3321" width="12.21875" style="75" customWidth="1"/>
    <col min="3322" max="3322" width="6.109375" style="75" customWidth="1"/>
    <col min="3323" max="3323" width="1.77734375" style="75" customWidth="1"/>
    <col min="3324" max="3324" width="7.21875" style="75" customWidth="1"/>
    <col min="3325" max="3325" width="4.109375" style="75" customWidth="1"/>
    <col min="3326" max="3326" width="5.77734375" style="75" customWidth="1"/>
    <col min="3327" max="3327" width="1.77734375" style="75" customWidth="1"/>
    <col min="3328" max="3328" width="8.88671875" style="75"/>
    <col min="3329" max="3329" width="5" style="75" customWidth="1"/>
    <col min="3330" max="3330" width="1.6640625" style="75" customWidth="1"/>
    <col min="3331" max="3331" width="3.88671875" style="75" customWidth="1"/>
    <col min="3332" max="3332" width="2.109375" style="75" customWidth="1"/>
    <col min="3333" max="3334" width="4" style="75" customWidth="1"/>
    <col min="3335" max="3335" width="13.77734375" style="75" customWidth="1"/>
    <col min="3336" max="3336" width="1.44140625" style="75" customWidth="1"/>
    <col min="3337" max="3337" width="3.44140625" style="75" customWidth="1"/>
    <col min="3338" max="3338" width="1.6640625" style="75" customWidth="1"/>
    <col min="3339" max="3339" width="72.44140625" style="75" customWidth="1"/>
    <col min="3340" max="3340" width="8.33203125" style="75" customWidth="1"/>
    <col min="3341" max="3344" width="0" style="75" hidden="1" customWidth="1"/>
    <col min="3345" max="3355" width="8.88671875" style="75"/>
    <col min="3356" max="3359" width="0" style="75" hidden="1" customWidth="1"/>
    <col min="3360" max="3367" width="10" style="75" customWidth="1"/>
    <col min="3368" max="3574" width="8.88671875" style="75"/>
    <col min="3575" max="3575" width="7.44140625" style="75" customWidth="1"/>
    <col min="3576" max="3576" width="16" style="75" customWidth="1"/>
    <col min="3577" max="3577" width="12.21875" style="75" customWidth="1"/>
    <col min="3578" max="3578" width="6.109375" style="75" customWidth="1"/>
    <col min="3579" max="3579" width="1.77734375" style="75" customWidth="1"/>
    <col min="3580" max="3580" width="7.21875" style="75" customWidth="1"/>
    <col min="3581" max="3581" width="4.109375" style="75" customWidth="1"/>
    <col min="3582" max="3582" width="5.77734375" style="75" customWidth="1"/>
    <col min="3583" max="3583" width="1.77734375" style="75" customWidth="1"/>
    <col min="3584" max="3584" width="8.88671875" style="75"/>
    <col min="3585" max="3585" width="5" style="75" customWidth="1"/>
    <col min="3586" max="3586" width="1.6640625" style="75" customWidth="1"/>
    <col min="3587" max="3587" width="3.88671875" style="75" customWidth="1"/>
    <col min="3588" max="3588" width="2.109375" style="75" customWidth="1"/>
    <col min="3589" max="3590" width="4" style="75" customWidth="1"/>
    <col min="3591" max="3591" width="13.77734375" style="75" customWidth="1"/>
    <col min="3592" max="3592" width="1.44140625" style="75" customWidth="1"/>
    <col min="3593" max="3593" width="3.44140625" style="75" customWidth="1"/>
    <col min="3594" max="3594" width="1.6640625" style="75" customWidth="1"/>
    <col min="3595" max="3595" width="72.44140625" style="75" customWidth="1"/>
    <col min="3596" max="3596" width="8.33203125" style="75" customWidth="1"/>
    <col min="3597" max="3600" width="0" style="75" hidden="1" customWidth="1"/>
    <col min="3601" max="3611" width="8.88671875" style="75"/>
    <col min="3612" max="3615" width="0" style="75" hidden="1" customWidth="1"/>
    <col min="3616" max="3623" width="10" style="75" customWidth="1"/>
    <col min="3624" max="3830" width="8.88671875" style="75"/>
    <col min="3831" max="3831" width="7.44140625" style="75" customWidth="1"/>
    <col min="3832" max="3832" width="16" style="75" customWidth="1"/>
    <col min="3833" max="3833" width="12.21875" style="75" customWidth="1"/>
    <col min="3834" max="3834" width="6.109375" style="75" customWidth="1"/>
    <col min="3835" max="3835" width="1.77734375" style="75" customWidth="1"/>
    <col min="3836" max="3836" width="7.21875" style="75" customWidth="1"/>
    <col min="3837" max="3837" width="4.109375" style="75" customWidth="1"/>
    <col min="3838" max="3838" width="5.77734375" style="75" customWidth="1"/>
    <col min="3839" max="3839" width="1.77734375" style="75" customWidth="1"/>
    <col min="3840" max="3840" width="8.88671875" style="75"/>
    <col min="3841" max="3841" width="5" style="75" customWidth="1"/>
    <col min="3842" max="3842" width="1.6640625" style="75" customWidth="1"/>
    <col min="3843" max="3843" width="3.88671875" style="75" customWidth="1"/>
    <col min="3844" max="3844" width="2.109375" style="75" customWidth="1"/>
    <col min="3845" max="3846" width="4" style="75" customWidth="1"/>
    <col min="3847" max="3847" width="13.77734375" style="75" customWidth="1"/>
    <col min="3848" max="3848" width="1.44140625" style="75" customWidth="1"/>
    <col min="3849" max="3849" width="3.44140625" style="75" customWidth="1"/>
    <col min="3850" max="3850" width="1.6640625" style="75" customWidth="1"/>
    <col min="3851" max="3851" width="72.44140625" style="75" customWidth="1"/>
    <col min="3852" max="3852" width="8.33203125" style="75" customWidth="1"/>
    <col min="3853" max="3856" width="0" style="75" hidden="1" customWidth="1"/>
    <col min="3857" max="3867" width="8.88671875" style="75"/>
    <col min="3868" max="3871" width="0" style="75" hidden="1" customWidth="1"/>
    <col min="3872" max="3879" width="10" style="75" customWidth="1"/>
    <col min="3880" max="4086" width="8.88671875" style="75"/>
    <col min="4087" max="4087" width="7.44140625" style="75" customWidth="1"/>
    <col min="4088" max="4088" width="16" style="75" customWidth="1"/>
    <col min="4089" max="4089" width="12.21875" style="75" customWidth="1"/>
    <col min="4090" max="4090" width="6.109375" style="75" customWidth="1"/>
    <col min="4091" max="4091" width="1.77734375" style="75" customWidth="1"/>
    <col min="4092" max="4092" width="7.21875" style="75" customWidth="1"/>
    <col min="4093" max="4093" width="4.109375" style="75" customWidth="1"/>
    <col min="4094" max="4094" width="5.77734375" style="75" customWidth="1"/>
    <col min="4095" max="4095" width="1.77734375" style="75" customWidth="1"/>
    <col min="4096" max="4096" width="8.88671875" style="75"/>
    <col min="4097" max="4097" width="5" style="75" customWidth="1"/>
    <col min="4098" max="4098" width="1.6640625" style="75" customWidth="1"/>
    <col min="4099" max="4099" width="3.88671875" style="75" customWidth="1"/>
    <col min="4100" max="4100" width="2.109375" style="75" customWidth="1"/>
    <col min="4101" max="4102" width="4" style="75" customWidth="1"/>
    <col min="4103" max="4103" width="13.77734375" style="75" customWidth="1"/>
    <col min="4104" max="4104" width="1.44140625" style="75" customWidth="1"/>
    <col min="4105" max="4105" width="3.44140625" style="75" customWidth="1"/>
    <col min="4106" max="4106" width="1.6640625" style="75" customWidth="1"/>
    <col min="4107" max="4107" width="72.44140625" style="75" customWidth="1"/>
    <col min="4108" max="4108" width="8.33203125" style="75" customWidth="1"/>
    <col min="4109" max="4112" width="0" style="75" hidden="1" customWidth="1"/>
    <col min="4113" max="4123" width="8.88671875" style="75"/>
    <col min="4124" max="4127" width="0" style="75" hidden="1" customWidth="1"/>
    <col min="4128" max="4135" width="10" style="75" customWidth="1"/>
    <col min="4136" max="4342" width="8.88671875" style="75"/>
    <col min="4343" max="4343" width="7.44140625" style="75" customWidth="1"/>
    <col min="4344" max="4344" width="16" style="75" customWidth="1"/>
    <col min="4345" max="4345" width="12.21875" style="75" customWidth="1"/>
    <col min="4346" max="4346" width="6.109375" style="75" customWidth="1"/>
    <col min="4347" max="4347" width="1.77734375" style="75" customWidth="1"/>
    <col min="4348" max="4348" width="7.21875" style="75" customWidth="1"/>
    <col min="4349" max="4349" width="4.109375" style="75" customWidth="1"/>
    <col min="4350" max="4350" width="5.77734375" style="75" customWidth="1"/>
    <col min="4351" max="4351" width="1.77734375" style="75" customWidth="1"/>
    <col min="4352" max="4352" width="8.88671875" style="75"/>
    <col min="4353" max="4353" width="5" style="75" customWidth="1"/>
    <col min="4354" max="4354" width="1.6640625" style="75" customWidth="1"/>
    <col min="4355" max="4355" width="3.88671875" style="75" customWidth="1"/>
    <col min="4356" max="4356" width="2.109375" style="75" customWidth="1"/>
    <col min="4357" max="4358" width="4" style="75" customWidth="1"/>
    <col min="4359" max="4359" width="13.77734375" style="75" customWidth="1"/>
    <col min="4360" max="4360" width="1.44140625" style="75" customWidth="1"/>
    <col min="4361" max="4361" width="3.44140625" style="75" customWidth="1"/>
    <col min="4362" max="4362" width="1.6640625" style="75" customWidth="1"/>
    <col min="4363" max="4363" width="72.44140625" style="75" customWidth="1"/>
    <col min="4364" max="4364" width="8.33203125" style="75" customWidth="1"/>
    <col min="4365" max="4368" width="0" style="75" hidden="1" customWidth="1"/>
    <col min="4369" max="4379" width="8.88671875" style="75"/>
    <col min="4380" max="4383" width="0" style="75" hidden="1" customWidth="1"/>
    <col min="4384" max="4391" width="10" style="75" customWidth="1"/>
    <col min="4392" max="4598" width="8.88671875" style="75"/>
    <col min="4599" max="4599" width="7.44140625" style="75" customWidth="1"/>
    <col min="4600" max="4600" width="16" style="75" customWidth="1"/>
    <col min="4601" max="4601" width="12.21875" style="75" customWidth="1"/>
    <col min="4602" max="4602" width="6.109375" style="75" customWidth="1"/>
    <col min="4603" max="4603" width="1.77734375" style="75" customWidth="1"/>
    <col min="4604" max="4604" width="7.21875" style="75" customWidth="1"/>
    <col min="4605" max="4605" width="4.109375" style="75" customWidth="1"/>
    <col min="4606" max="4606" width="5.77734375" style="75" customWidth="1"/>
    <col min="4607" max="4607" width="1.77734375" style="75" customWidth="1"/>
    <col min="4608" max="4608" width="8.88671875" style="75"/>
    <col min="4609" max="4609" width="5" style="75" customWidth="1"/>
    <col min="4610" max="4610" width="1.6640625" style="75" customWidth="1"/>
    <col min="4611" max="4611" width="3.88671875" style="75" customWidth="1"/>
    <col min="4612" max="4612" width="2.109375" style="75" customWidth="1"/>
    <col min="4613" max="4614" width="4" style="75" customWidth="1"/>
    <col min="4615" max="4615" width="13.77734375" style="75" customWidth="1"/>
    <col min="4616" max="4616" width="1.44140625" style="75" customWidth="1"/>
    <col min="4617" max="4617" width="3.44140625" style="75" customWidth="1"/>
    <col min="4618" max="4618" width="1.6640625" style="75" customWidth="1"/>
    <col min="4619" max="4619" width="72.44140625" style="75" customWidth="1"/>
    <col min="4620" max="4620" width="8.33203125" style="75" customWidth="1"/>
    <col min="4621" max="4624" width="0" style="75" hidden="1" customWidth="1"/>
    <col min="4625" max="4635" width="8.88671875" style="75"/>
    <col min="4636" max="4639" width="0" style="75" hidden="1" customWidth="1"/>
    <col min="4640" max="4647" width="10" style="75" customWidth="1"/>
    <col min="4648" max="4854" width="8.88671875" style="75"/>
    <col min="4855" max="4855" width="7.44140625" style="75" customWidth="1"/>
    <col min="4856" max="4856" width="16" style="75" customWidth="1"/>
    <col min="4857" max="4857" width="12.21875" style="75" customWidth="1"/>
    <col min="4858" max="4858" width="6.109375" style="75" customWidth="1"/>
    <col min="4859" max="4859" width="1.77734375" style="75" customWidth="1"/>
    <col min="4860" max="4860" width="7.21875" style="75" customWidth="1"/>
    <col min="4861" max="4861" width="4.109375" style="75" customWidth="1"/>
    <col min="4862" max="4862" width="5.77734375" style="75" customWidth="1"/>
    <col min="4863" max="4863" width="1.77734375" style="75" customWidth="1"/>
    <col min="4864" max="4864" width="8.88671875" style="75"/>
    <col min="4865" max="4865" width="5" style="75" customWidth="1"/>
    <col min="4866" max="4866" width="1.6640625" style="75" customWidth="1"/>
    <col min="4867" max="4867" width="3.88671875" style="75" customWidth="1"/>
    <col min="4868" max="4868" width="2.109375" style="75" customWidth="1"/>
    <col min="4869" max="4870" width="4" style="75" customWidth="1"/>
    <col min="4871" max="4871" width="13.77734375" style="75" customWidth="1"/>
    <col min="4872" max="4872" width="1.44140625" style="75" customWidth="1"/>
    <col min="4873" max="4873" width="3.44140625" style="75" customWidth="1"/>
    <col min="4874" max="4874" width="1.6640625" style="75" customWidth="1"/>
    <col min="4875" max="4875" width="72.44140625" style="75" customWidth="1"/>
    <col min="4876" max="4876" width="8.33203125" style="75" customWidth="1"/>
    <col min="4877" max="4880" width="0" style="75" hidden="1" customWidth="1"/>
    <col min="4881" max="4891" width="8.88671875" style="75"/>
    <col min="4892" max="4895" width="0" style="75" hidden="1" customWidth="1"/>
    <col min="4896" max="4903" width="10" style="75" customWidth="1"/>
    <col min="4904" max="5110" width="8.88671875" style="75"/>
    <col min="5111" max="5111" width="7.44140625" style="75" customWidth="1"/>
    <col min="5112" max="5112" width="16" style="75" customWidth="1"/>
    <col min="5113" max="5113" width="12.21875" style="75" customWidth="1"/>
    <col min="5114" max="5114" width="6.109375" style="75" customWidth="1"/>
    <col min="5115" max="5115" width="1.77734375" style="75" customWidth="1"/>
    <col min="5116" max="5116" width="7.21875" style="75" customWidth="1"/>
    <col min="5117" max="5117" width="4.109375" style="75" customWidth="1"/>
    <col min="5118" max="5118" width="5.77734375" style="75" customWidth="1"/>
    <col min="5119" max="5119" width="1.77734375" style="75" customWidth="1"/>
    <col min="5120" max="5120" width="8.88671875" style="75"/>
    <col min="5121" max="5121" width="5" style="75" customWidth="1"/>
    <col min="5122" max="5122" width="1.6640625" style="75" customWidth="1"/>
    <col min="5123" max="5123" width="3.88671875" style="75" customWidth="1"/>
    <col min="5124" max="5124" width="2.109375" style="75" customWidth="1"/>
    <col min="5125" max="5126" width="4" style="75" customWidth="1"/>
    <col min="5127" max="5127" width="13.77734375" style="75" customWidth="1"/>
    <col min="5128" max="5128" width="1.44140625" style="75" customWidth="1"/>
    <col min="5129" max="5129" width="3.44140625" style="75" customWidth="1"/>
    <col min="5130" max="5130" width="1.6640625" style="75" customWidth="1"/>
    <col min="5131" max="5131" width="72.44140625" style="75" customWidth="1"/>
    <col min="5132" max="5132" width="8.33203125" style="75" customWidth="1"/>
    <col min="5133" max="5136" width="0" style="75" hidden="1" customWidth="1"/>
    <col min="5137" max="5147" width="8.88671875" style="75"/>
    <col min="5148" max="5151" width="0" style="75" hidden="1" customWidth="1"/>
    <col min="5152" max="5159" width="10" style="75" customWidth="1"/>
    <col min="5160" max="5366" width="8.88671875" style="75"/>
    <col min="5367" max="5367" width="7.44140625" style="75" customWidth="1"/>
    <col min="5368" max="5368" width="16" style="75" customWidth="1"/>
    <col min="5369" max="5369" width="12.21875" style="75" customWidth="1"/>
    <col min="5370" max="5370" width="6.109375" style="75" customWidth="1"/>
    <col min="5371" max="5371" width="1.77734375" style="75" customWidth="1"/>
    <col min="5372" max="5372" width="7.21875" style="75" customWidth="1"/>
    <col min="5373" max="5373" width="4.109375" style="75" customWidth="1"/>
    <col min="5374" max="5374" width="5.77734375" style="75" customWidth="1"/>
    <col min="5375" max="5375" width="1.77734375" style="75" customWidth="1"/>
    <col min="5376" max="5376" width="8.88671875" style="75"/>
    <col min="5377" max="5377" width="5" style="75" customWidth="1"/>
    <col min="5378" max="5378" width="1.6640625" style="75" customWidth="1"/>
    <col min="5379" max="5379" width="3.88671875" style="75" customWidth="1"/>
    <col min="5380" max="5380" width="2.109375" style="75" customWidth="1"/>
    <col min="5381" max="5382" width="4" style="75" customWidth="1"/>
    <col min="5383" max="5383" width="13.77734375" style="75" customWidth="1"/>
    <col min="5384" max="5384" width="1.44140625" style="75" customWidth="1"/>
    <col min="5385" max="5385" width="3.44140625" style="75" customWidth="1"/>
    <col min="5386" max="5386" width="1.6640625" style="75" customWidth="1"/>
    <col min="5387" max="5387" width="72.44140625" style="75" customWidth="1"/>
    <col min="5388" max="5388" width="8.33203125" style="75" customWidth="1"/>
    <col min="5389" max="5392" width="0" style="75" hidden="1" customWidth="1"/>
    <col min="5393" max="5403" width="8.88671875" style="75"/>
    <col min="5404" max="5407" width="0" style="75" hidden="1" customWidth="1"/>
    <col min="5408" max="5415" width="10" style="75" customWidth="1"/>
    <col min="5416" max="5622" width="8.88671875" style="75"/>
    <col min="5623" max="5623" width="7.44140625" style="75" customWidth="1"/>
    <col min="5624" max="5624" width="16" style="75" customWidth="1"/>
    <col min="5625" max="5625" width="12.21875" style="75" customWidth="1"/>
    <col min="5626" max="5626" width="6.109375" style="75" customWidth="1"/>
    <col min="5627" max="5627" width="1.77734375" style="75" customWidth="1"/>
    <col min="5628" max="5628" width="7.21875" style="75" customWidth="1"/>
    <col min="5629" max="5629" width="4.109375" style="75" customWidth="1"/>
    <col min="5630" max="5630" width="5.77734375" style="75" customWidth="1"/>
    <col min="5631" max="5631" width="1.77734375" style="75" customWidth="1"/>
    <col min="5632" max="5632" width="8.88671875" style="75"/>
    <col min="5633" max="5633" width="5" style="75" customWidth="1"/>
    <col min="5634" max="5634" width="1.6640625" style="75" customWidth="1"/>
    <col min="5635" max="5635" width="3.88671875" style="75" customWidth="1"/>
    <col min="5636" max="5636" width="2.109375" style="75" customWidth="1"/>
    <col min="5637" max="5638" width="4" style="75" customWidth="1"/>
    <col min="5639" max="5639" width="13.77734375" style="75" customWidth="1"/>
    <col min="5640" max="5640" width="1.44140625" style="75" customWidth="1"/>
    <col min="5641" max="5641" width="3.44140625" style="75" customWidth="1"/>
    <col min="5642" max="5642" width="1.6640625" style="75" customWidth="1"/>
    <col min="5643" max="5643" width="72.44140625" style="75" customWidth="1"/>
    <col min="5644" max="5644" width="8.33203125" style="75" customWidth="1"/>
    <col min="5645" max="5648" width="0" style="75" hidden="1" customWidth="1"/>
    <col min="5649" max="5659" width="8.88671875" style="75"/>
    <col min="5660" max="5663" width="0" style="75" hidden="1" customWidth="1"/>
    <col min="5664" max="5671" width="10" style="75" customWidth="1"/>
    <col min="5672" max="5878" width="8.88671875" style="75"/>
    <col min="5879" max="5879" width="7.44140625" style="75" customWidth="1"/>
    <col min="5880" max="5880" width="16" style="75" customWidth="1"/>
    <col min="5881" max="5881" width="12.21875" style="75" customWidth="1"/>
    <col min="5882" max="5882" width="6.109375" style="75" customWidth="1"/>
    <col min="5883" max="5883" width="1.77734375" style="75" customWidth="1"/>
    <col min="5884" max="5884" width="7.21875" style="75" customWidth="1"/>
    <col min="5885" max="5885" width="4.109375" style="75" customWidth="1"/>
    <col min="5886" max="5886" width="5.77734375" style="75" customWidth="1"/>
    <col min="5887" max="5887" width="1.77734375" style="75" customWidth="1"/>
    <col min="5888" max="5888" width="8.88671875" style="75"/>
    <col min="5889" max="5889" width="5" style="75" customWidth="1"/>
    <col min="5890" max="5890" width="1.6640625" style="75" customWidth="1"/>
    <col min="5891" max="5891" width="3.88671875" style="75" customWidth="1"/>
    <col min="5892" max="5892" width="2.109375" style="75" customWidth="1"/>
    <col min="5893" max="5894" width="4" style="75" customWidth="1"/>
    <col min="5895" max="5895" width="13.77734375" style="75" customWidth="1"/>
    <col min="5896" max="5896" width="1.44140625" style="75" customWidth="1"/>
    <col min="5897" max="5897" width="3.44140625" style="75" customWidth="1"/>
    <col min="5898" max="5898" width="1.6640625" style="75" customWidth="1"/>
    <col min="5899" max="5899" width="72.44140625" style="75" customWidth="1"/>
    <col min="5900" max="5900" width="8.33203125" style="75" customWidth="1"/>
    <col min="5901" max="5904" width="0" style="75" hidden="1" customWidth="1"/>
    <col min="5905" max="5915" width="8.88671875" style="75"/>
    <col min="5916" max="5919" width="0" style="75" hidden="1" customWidth="1"/>
    <col min="5920" max="5927" width="10" style="75" customWidth="1"/>
    <col min="5928" max="6134" width="8.88671875" style="75"/>
    <col min="6135" max="6135" width="7.44140625" style="75" customWidth="1"/>
    <col min="6136" max="6136" width="16" style="75" customWidth="1"/>
    <col min="6137" max="6137" width="12.21875" style="75" customWidth="1"/>
    <col min="6138" max="6138" width="6.109375" style="75" customWidth="1"/>
    <col min="6139" max="6139" width="1.77734375" style="75" customWidth="1"/>
    <col min="6140" max="6140" width="7.21875" style="75" customWidth="1"/>
    <col min="6141" max="6141" width="4.109375" style="75" customWidth="1"/>
    <col min="6142" max="6142" width="5.77734375" style="75" customWidth="1"/>
    <col min="6143" max="6143" width="1.77734375" style="75" customWidth="1"/>
    <col min="6144" max="6144" width="8.88671875" style="75"/>
    <col min="6145" max="6145" width="5" style="75" customWidth="1"/>
    <col min="6146" max="6146" width="1.6640625" style="75" customWidth="1"/>
    <col min="6147" max="6147" width="3.88671875" style="75" customWidth="1"/>
    <col min="6148" max="6148" width="2.109375" style="75" customWidth="1"/>
    <col min="6149" max="6150" width="4" style="75" customWidth="1"/>
    <col min="6151" max="6151" width="13.77734375" style="75" customWidth="1"/>
    <col min="6152" max="6152" width="1.44140625" style="75" customWidth="1"/>
    <col min="6153" max="6153" width="3.44140625" style="75" customWidth="1"/>
    <col min="6154" max="6154" width="1.6640625" style="75" customWidth="1"/>
    <col min="6155" max="6155" width="72.44140625" style="75" customWidth="1"/>
    <col min="6156" max="6156" width="8.33203125" style="75" customWidth="1"/>
    <col min="6157" max="6160" width="0" style="75" hidden="1" customWidth="1"/>
    <col min="6161" max="6171" width="8.88671875" style="75"/>
    <col min="6172" max="6175" width="0" style="75" hidden="1" customWidth="1"/>
    <col min="6176" max="6183" width="10" style="75" customWidth="1"/>
    <col min="6184" max="6390" width="8.88671875" style="75"/>
    <col min="6391" max="6391" width="7.44140625" style="75" customWidth="1"/>
    <col min="6392" max="6392" width="16" style="75" customWidth="1"/>
    <col min="6393" max="6393" width="12.21875" style="75" customWidth="1"/>
    <col min="6394" max="6394" width="6.109375" style="75" customWidth="1"/>
    <col min="6395" max="6395" width="1.77734375" style="75" customWidth="1"/>
    <col min="6396" max="6396" width="7.21875" style="75" customWidth="1"/>
    <col min="6397" max="6397" width="4.109375" style="75" customWidth="1"/>
    <col min="6398" max="6398" width="5.77734375" style="75" customWidth="1"/>
    <col min="6399" max="6399" width="1.77734375" style="75" customWidth="1"/>
    <col min="6400" max="6400" width="8.88671875" style="75"/>
    <col min="6401" max="6401" width="5" style="75" customWidth="1"/>
    <col min="6402" max="6402" width="1.6640625" style="75" customWidth="1"/>
    <col min="6403" max="6403" width="3.88671875" style="75" customWidth="1"/>
    <col min="6404" max="6404" width="2.109375" style="75" customWidth="1"/>
    <col min="6405" max="6406" width="4" style="75" customWidth="1"/>
    <col min="6407" max="6407" width="13.77734375" style="75" customWidth="1"/>
    <col min="6408" max="6408" width="1.44140625" style="75" customWidth="1"/>
    <col min="6409" max="6409" width="3.44140625" style="75" customWidth="1"/>
    <col min="6410" max="6410" width="1.6640625" style="75" customWidth="1"/>
    <col min="6411" max="6411" width="72.44140625" style="75" customWidth="1"/>
    <col min="6412" max="6412" width="8.33203125" style="75" customWidth="1"/>
    <col min="6413" max="6416" width="0" style="75" hidden="1" customWidth="1"/>
    <col min="6417" max="6427" width="8.88671875" style="75"/>
    <col min="6428" max="6431" width="0" style="75" hidden="1" customWidth="1"/>
    <col min="6432" max="6439" width="10" style="75" customWidth="1"/>
    <col min="6440" max="6646" width="8.88671875" style="75"/>
    <col min="6647" max="6647" width="7.44140625" style="75" customWidth="1"/>
    <col min="6648" max="6648" width="16" style="75" customWidth="1"/>
    <col min="6649" max="6649" width="12.21875" style="75" customWidth="1"/>
    <col min="6650" max="6650" width="6.109375" style="75" customWidth="1"/>
    <col min="6651" max="6651" width="1.77734375" style="75" customWidth="1"/>
    <col min="6652" max="6652" width="7.21875" style="75" customWidth="1"/>
    <col min="6653" max="6653" width="4.109375" style="75" customWidth="1"/>
    <col min="6654" max="6654" width="5.77734375" style="75" customWidth="1"/>
    <col min="6655" max="6655" width="1.77734375" style="75" customWidth="1"/>
    <col min="6656" max="6656" width="8.88671875" style="75"/>
    <col min="6657" max="6657" width="5" style="75" customWidth="1"/>
    <col min="6658" max="6658" width="1.6640625" style="75" customWidth="1"/>
    <col min="6659" max="6659" width="3.88671875" style="75" customWidth="1"/>
    <col min="6660" max="6660" width="2.109375" style="75" customWidth="1"/>
    <col min="6661" max="6662" width="4" style="75" customWidth="1"/>
    <col min="6663" max="6663" width="13.77734375" style="75" customWidth="1"/>
    <col min="6664" max="6664" width="1.44140625" style="75" customWidth="1"/>
    <col min="6665" max="6665" width="3.44140625" style="75" customWidth="1"/>
    <col min="6666" max="6666" width="1.6640625" style="75" customWidth="1"/>
    <col min="6667" max="6667" width="72.44140625" style="75" customWidth="1"/>
    <col min="6668" max="6668" width="8.33203125" style="75" customWidth="1"/>
    <col min="6669" max="6672" width="0" style="75" hidden="1" customWidth="1"/>
    <col min="6673" max="6683" width="8.88671875" style="75"/>
    <col min="6684" max="6687" width="0" style="75" hidden="1" customWidth="1"/>
    <col min="6688" max="6695" width="10" style="75" customWidth="1"/>
    <col min="6696" max="6902" width="8.88671875" style="75"/>
    <col min="6903" max="6903" width="7.44140625" style="75" customWidth="1"/>
    <col min="6904" max="6904" width="16" style="75" customWidth="1"/>
    <col min="6905" max="6905" width="12.21875" style="75" customWidth="1"/>
    <col min="6906" max="6906" width="6.109375" style="75" customWidth="1"/>
    <col min="6907" max="6907" width="1.77734375" style="75" customWidth="1"/>
    <col min="6908" max="6908" width="7.21875" style="75" customWidth="1"/>
    <col min="6909" max="6909" width="4.109375" style="75" customWidth="1"/>
    <col min="6910" max="6910" width="5.77734375" style="75" customWidth="1"/>
    <col min="6911" max="6911" width="1.77734375" style="75" customWidth="1"/>
    <col min="6912" max="6912" width="8.88671875" style="75"/>
    <col min="6913" max="6913" width="5" style="75" customWidth="1"/>
    <col min="6914" max="6914" width="1.6640625" style="75" customWidth="1"/>
    <col min="6915" max="6915" width="3.88671875" style="75" customWidth="1"/>
    <col min="6916" max="6916" width="2.109375" style="75" customWidth="1"/>
    <col min="6917" max="6918" width="4" style="75" customWidth="1"/>
    <col min="6919" max="6919" width="13.77734375" style="75" customWidth="1"/>
    <col min="6920" max="6920" width="1.44140625" style="75" customWidth="1"/>
    <col min="6921" max="6921" width="3.44140625" style="75" customWidth="1"/>
    <col min="6922" max="6922" width="1.6640625" style="75" customWidth="1"/>
    <col min="6923" max="6923" width="72.44140625" style="75" customWidth="1"/>
    <col min="6924" max="6924" width="8.33203125" style="75" customWidth="1"/>
    <col min="6925" max="6928" width="0" style="75" hidden="1" customWidth="1"/>
    <col min="6929" max="6939" width="8.88671875" style="75"/>
    <col min="6940" max="6943" width="0" style="75" hidden="1" customWidth="1"/>
    <col min="6944" max="6951" width="10" style="75" customWidth="1"/>
    <col min="6952" max="7158" width="8.88671875" style="75"/>
    <col min="7159" max="7159" width="7.44140625" style="75" customWidth="1"/>
    <col min="7160" max="7160" width="16" style="75" customWidth="1"/>
    <col min="7161" max="7161" width="12.21875" style="75" customWidth="1"/>
    <col min="7162" max="7162" width="6.109375" style="75" customWidth="1"/>
    <col min="7163" max="7163" width="1.77734375" style="75" customWidth="1"/>
    <col min="7164" max="7164" width="7.21875" style="75" customWidth="1"/>
    <col min="7165" max="7165" width="4.109375" style="75" customWidth="1"/>
    <col min="7166" max="7166" width="5.77734375" style="75" customWidth="1"/>
    <col min="7167" max="7167" width="1.77734375" style="75" customWidth="1"/>
    <col min="7168" max="7168" width="8.88671875" style="75"/>
    <col min="7169" max="7169" width="5" style="75" customWidth="1"/>
    <col min="7170" max="7170" width="1.6640625" style="75" customWidth="1"/>
    <col min="7171" max="7171" width="3.88671875" style="75" customWidth="1"/>
    <col min="7172" max="7172" width="2.109375" style="75" customWidth="1"/>
    <col min="7173" max="7174" width="4" style="75" customWidth="1"/>
    <col min="7175" max="7175" width="13.77734375" style="75" customWidth="1"/>
    <col min="7176" max="7176" width="1.44140625" style="75" customWidth="1"/>
    <col min="7177" max="7177" width="3.44140625" style="75" customWidth="1"/>
    <col min="7178" max="7178" width="1.6640625" style="75" customWidth="1"/>
    <col min="7179" max="7179" width="72.44140625" style="75" customWidth="1"/>
    <col min="7180" max="7180" width="8.33203125" style="75" customWidth="1"/>
    <col min="7181" max="7184" width="0" style="75" hidden="1" customWidth="1"/>
    <col min="7185" max="7195" width="8.88671875" style="75"/>
    <col min="7196" max="7199" width="0" style="75" hidden="1" customWidth="1"/>
    <col min="7200" max="7207" width="10" style="75" customWidth="1"/>
    <col min="7208" max="7414" width="8.88671875" style="75"/>
    <col min="7415" max="7415" width="7.44140625" style="75" customWidth="1"/>
    <col min="7416" max="7416" width="16" style="75" customWidth="1"/>
    <col min="7417" max="7417" width="12.21875" style="75" customWidth="1"/>
    <col min="7418" max="7418" width="6.109375" style="75" customWidth="1"/>
    <col min="7419" max="7419" width="1.77734375" style="75" customWidth="1"/>
    <col min="7420" max="7420" width="7.21875" style="75" customWidth="1"/>
    <col min="7421" max="7421" width="4.109375" style="75" customWidth="1"/>
    <col min="7422" max="7422" width="5.77734375" style="75" customWidth="1"/>
    <col min="7423" max="7423" width="1.77734375" style="75" customWidth="1"/>
    <col min="7424" max="7424" width="8.88671875" style="75"/>
    <col min="7425" max="7425" width="5" style="75" customWidth="1"/>
    <col min="7426" max="7426" width="1.6640625" style="75" customWidth="1"/>
    <col min="7427" max="7427" width="3.88671875" style="75" customWidth="1"/>
    <col min="7428" max="7428" width="2.109375" style="75" customWidth="1"/>
    <col min="7429" max="7430" width="4" style="75" customWidth="1"/>
    <col min="7431" max="7431" width="13.77734375" style="75" customWidth="1"/>
    <col min="7432" max="7432" width="1.44140625" style="75" customWidth="1"/>
    <col min="7433" max="7433" width="3.44140625" style="75" customWidth="1"/>
    <col min="7434" max="7434" width="1.6640625" style="75" customWidth="1"/>
    <col min="7435" max="7435" width="72.44140625" style="75" customWidth="1"/>
    <col min="7436" max="7436" width="8.33203125" style="75" customWidth="1"/>
    <col min="7437" max="7440" width="0" style="75" hidden="1" customWidth="1"/>
    <col min="7441" max="7451" width="8.88671875" style="75"/>
    <col min="7452" max="7455" width="0" style="75" hidden="1" customWidth="1"/>
    <col min="7456" max="7463" width="10" style="75" customWidth="1"/>
    <col min="7464" max="7670" width="8.88671875" style="75"/>
    <col min="7671" max="7671" width="7.44140625" style="75" customWidth="1"/>
    <col min="7672" max="7672" width="16" style="75" customWidth="1"/>
    <col min="7673" max="7673" width="12.21875" style="75" customWidth="1"/>
    <col min="7674" max="7674" width="6.109375" style="75" customWidth="1"/>
    <col min="7675" max="7675" width="1.77734375" style="75" customWidth="1"/>
    <col min="7676" max="7676" width="7.21875" style="75" customWidth="1"/>
    <col min="7677" max="7677" width="4.109375" style="75" customWidth="1"/>
    <col min="7678" max="7678" width="5.77734375" style="75" customWidth="1"/>
    <col min="7679" max="7679" width="1.77734375" style="75" customWidth="1"/>
    <col min="7680" max="7680" width="8.88671875" style="75"/>
    <col min="7681" max="7681" width="5" style="75" customWidth="1"/>
    <col min="7682" max="7682" width="1.6640625" style="75" customWidth="1"/>
    <col min="7683" max="7683" width="3.88671875" style="75" customWidth="1"/>
    <col min="7684" max="7684" width="2.109375" style="75" customWidth="1"/>
    <col min="7685" max="7686" width="4" style="75" customWidth="1"/>
    <col min="7687" max="7687" width="13.77734375" style="75" customWidth="1"/>
    <col min="7688" max="7688" width="1.44140625" style="75" customWidth="1"/>
    <col min="7689" max="7689" width="3.44140625" style="75" customWidth="1"/>
    <col min="7690" max="7690" width="1.6640625" style="75" customWidth="1"/>
    <col min="7691" max="7691" width="72.44140625" style="75" customWidth="1"/>
    <col min="7692" max="7692" width="8.33203125" style="75" customWidth="1"/>
    <col min="7693" max="7696" width="0" style="75" hidden="1" customWidth="1"/>
    <col min="7697" max="7707" width="8.88671875" style="75"/>
    <col min="7708" max="7711" width="0" style="75" hidden="1" customWidth="1"/>
    <col min="7712" max="7719" width="10" style="75" customWidth="1"/>
    <col min="7720" max="7926" width="8.88671875" style="75"/>
    <col min="7927" max="7927" width="7.44140625" style="75" customWidth="1"/>
    <col min="7928" max="7928" width="16" style="75" customWidth="1"/>
    <col min="7929" max="7929" width="12.21875" style="75" customWidth="1"/>
    <col min="7930" max="7930" width="6.109375" style="75" customWidth="1"/>
    <col min="7931" max="7931" width="1.77734375" style="75" customWidth="1"/>
    <col min="7932" max="7932" width="7.21875" style="75" customWidth="1"/>
    <col min="7933" max="7933" width="4.109375" style="75" customWidth="1"/>
    <col min="7934" max="7934" width="5.77734375" style="75" customWidth="1"/>
    <col min="7935" max="7935" width="1.77734375" style="75" customWidth="1"/>
    <col min="7936" max="7936" width="8.88671875" style="75"/>
    <col min="7937" max="7937" width="5" style="75" customWidth="1"/>
    <col min="7938" max="7938" width="1.6640625" style="75" customWidth="1"/>
    <col min="7939" max="7939" width="3.88671875" style="75" customWidth="1"/>
    <col min="7940" max="7940" width="2.109375" style="75" customWidth="1"/>
    <col min="7941" max="7942" width="4" style="75" customWidth="1"/>
    <col min="7943" max="7943" width="13.77734375" style="75" customWidth="1"/>
    <col min="7944" max="7944" width="1.44140625" style="75" customWidth="1"/>
    <col min="7945" max="7945" width="3.44140625" style="75" customWidth="1"/>
    <col min="7946" max="7946" width="1.6640625" style="75" customWidth="1"/>
    <col min="7947" max="7947" width="72.44140625" style="75" customWidth="1"/>
    <col min="7948" max="7948" width="8.33203125" style="75" customWidth="1"/>
    <col min="7949" max="7952" width="0" style="75" hidden="1" customWidth="1"/>
    <col min="7953" max="7963" width="8.88671875" style="75"/>
    <col min="7964" max="7967" width="0" style="75" hidden="1" customWidth="1"/>
    <col min="7968" max="7975" width="10" style="75" customWidth="1"/>
    <col min="7976" max="8182" width="8.88671875" style="75"/>
    <col min="8183" max="8183" width="7.44140625" style="75" customWidth="1"/>
    <col min="8184" max="8184" width="16" style="75" customWidth="1"/>
    <col min="8185" max="8185" width="12.21875" style="75" customWidth="1"/>
    <col min="8186" max="8186" width="6.109375" style="75" customWidth="1"/>
    <col min="8187" max="8187" width="1.77734375" style="75" customWidth="1"/>
    <col min="8188" max="8188" width="7.21875" style="75" customWidth="1"/>
    <col min="8189" max="8189" width="4.109375" style="75" customWidth="1"/>
    <col min="8190" max="8190" width="5.77734375" style="75" customWidth="1"/>
    <col min="8191" max="8191" width="1.77734375" style="75" customWidth="1"/>
    <col min="8192" max="8192" width="8.88671875" style="75"/>
    <col min="8193" max="8193" width="5" style="75" customWidth="1"/>
    <col min="8194" max="8194" width="1.6640625" style="75" customWidth="1"/>
    <col min="8195" max="8195" width="3.88671875" style="75" customWidth="1"/>
    <col min="8196" max="8196" width="2.109375" style="75" customWidth="1"/>
    <col min="8197" max="8198" width="4" style="75" customWidth="1"/>
    <col min="8199" max="8199" width="13.77734375" style="75" customWidth="1"/>
    <col min="8200" max="8200" width="1.44140625" style="75" customWidth="1"/>
    <col min="8201" max="8201" width="3.44140625" style="75" customWidth="1"/>
    <col min="8202" max="8202" width="1.6640625" style="75" customWidth="1"/>
    <col min="8203" max="8203" width="72.44140625" style="75" customWidth="1"/>
    <col min="8204" max="8204" width="8.33203125" style="75" customWidth="1"/>
    <col min="8205" max="8208" width="0" style="75" hidden="1" customWidth="1"/>
    <col min="8209" max="8219" width="8.88671875" style="75"/>
    <col min="8220" max="8223" width="0" style="75" hidden="1" customWidth="1"/>
    <col min="8224" max="8231" width="10" style="75" customWidth="1"/>
    <col min="8232" max="8438" width="8.88671875" style="75"/>
    <col min="8439" max="8439" width="7.44140625" style="75" customWidth="1"/>
    <col min="8440" max="8440" width="16" style="75" customWidth="1"/>
    <col min="8441" max="8441" width="12.21875" style="75" customWidth="1"/>
    <col min="8442" max="8442" width="6.109375" style="75" customWidth="1"/>
    <col min="8443" max="8443" width="1.77734375" style="75" customWidth="1"/>
    <col min="8444" max="8444" width="7.21875" style="75" customWidth="1"/>
    <col min="8445" max="8445" width="4.109375" style="75" customWidth="1"/>
    <col min="8446" max="8446" width="5.77734375" style="75" customWidth="1"/>
    <col min="8447" max="8447" width="1.77734375" style="75" customWidth="1"/>
    <col min="8448" max="8448" width="8.88671875" style="75"/>
    <col min="8449" max="8449" width="5" style="75" customWidth="1"/>
    <col min="8450" max="8450" width="1.6640625" style="75" customWidth="1"/>
    <col min="8451" max="8451" width="3.88671875" style="75" customWidth="1"/>
    <col min="8452" max="8452" width="2.109375" style="75" customWidth="1"/>
    <col min="8453" max="8454" width="4" style="75" customWidth="1"/>
    <col min="8455" max="8455" width="13.77734375" style="75" customWidth="1"/>
    <col min="8456" max="8456" width="1.44140625" style="75" customWidth="1"/>
    <col min="8457" max="8457" width="3.44140625" style="75" customWidth="1"/>
    <col min="8458" max="8458" width="1.6640625" style="75" customWidth="1"/>
    <col min="8459" max="8459" width="72.44140625" style="75" customWidth="1"/>
    <col min="8460" max="8460" width="8.33203125" style="75" customWidth="1"/>
    <col min="8461" max="8464" width="0" style="75" hidden="1" customWidth="1"/>
    <col min="8465" max="8475" width="8.88671875" style="75"/>
    <col min="8476" max="8479" width="0" style="75" hidden="1" customWidth="1"/>
    <col min="8480" max="8487" width="10" style="75" customWidth="1"/>
    <col min="8488" max="8694" width="8.88671875" style="75"/>
    <col min="8695" max="8695" width="7.44140625" style="75" customWidth="1"/>
    <col min="8696" max="8696" width="16" style="75" customWidth="1"/>
    <col min="8697" max="8697" width="12.21875" style="75" customWidth="1"/>
    <col min="8698" max="8698" width="6.109375" style="75" customWidth="1"/>
    <col min="8699" max="8699" width="1.77734375" style="75" customWidth="1"/>
    <col min="8700" max="8700" width="7.21875" style="75" customWidth="1"/>
    <col min="8701" max="8701" width="4.109375" style="75" customWidth="1"/>
    <col min="8702" max="8702" width="5.77734375" style="75" customWidth="1"/>
    <col min="8703" max="8703" width="1.77734375" style="75" customWidth="1"/>
    <col min="8704" max="8704" width="8.88671875" style="75"/>
    <col min="8705" max="8705" width="5" style="75" customWidth="1"/>
    <col min="8706" max="8706" width="1.6640625" style="75" customWidth="1"/>
    <col min="8707" max="8707" width="3.88671875" style="75" customWidth="1"/>
    <col min="8708" max="8708" width="2.109375" style="75" customWidth="1"/>
    <col min="8709" max="8710" width="4" style="75" customWidth="1"/>
    <col min="8711" max="8711" width="13.77734375" style="75" customWidth="1"/>
    <col min="8712" max="8712" width="1.44140625" style="75" customWidth="1"/>
    <col min="8713" max="8713" width="3.44140625" style="75" customWidth="1"/>
    <col min="8714" max="8714" width="1.6640625" style="75" customWidth="1"/>
    <col min="8715" max="8715" width="72.44140625" style="75" customWidth="1"/>
    <col min="8716" max="8716" width="8.33203125" style="75" customWidth="1"/>
    <col min="8717" max="8720" width="0" style="75" hidden="1" customWidth="1"/>
    <col min="8721" max="8731" width="8.88671875" style="75"/>
    <col min="8732" max="8735" width="0" style="75" hidden="1" customWidth="1"/>
    <col min="8736" max="8743" width="10" style="75" customWidth="1"/>
    <col min="8744" max="8950" width="8.88671875" style="75"/>
    <col min="8951" max="8951" width="7.44140625" style="75" customWidth="1"/>
    <col min="8952" max="8952" width="16" style="75" customWidth="1"/>
    <col min="8953" max="8953" width="12.21875" style="75" customWidth="1"/>
    <col min="8954" max="8954" width="6.109375" style="75" customWidth="1"/>
    <col min="8955" max="8955" width="1.77734375" style="75" customWidth="1"/>
    <col min="8956" max="8956" width="7.21875" style="75" customWidth="1"/>
    <col min="8957" max="8957" width="4.109375" style="75" customWidth="1"/>
    <col min="8958" max="8958" width="5.77734375" style="75" customWidth="1"/>
    <col min="8959" max="8959" width="1.77734375" style="75" customWidth="1"/>
    <col min="8960" max="8960" width="8.88671875" style="75"/>
    <col min="8961" max="8961" width="5" style="75" customWidth="1"/>
    <col min="8962" max="8962" width="1.6640625" style="75" customWidth="1"/>
    <col min="8963" max="8963" width="3.88671875" style="75" customWidth="1"/>
    <col min="8964" max="8964" width="2.109375" style="75" customWidth="1"/>
    <col min="8965" max="8966" width="4" style="75" customWidth="1"/>
    <col min="8967" max="8967" width="13.77734375" style="75" customWidth="1"/>
    <col min="8968" max="8968" width="1.44140625" style="75" customWidth="1"/>
    <col min="8969" max="8969" width="3.44140625" style="75" customWidth="1"/>
    <col min="8970" max="8970" width="1.6640625" style="75" customWidth="1"/>
    <col min="8971" max="8971" width="72.44140625" style="75" customWidth="1"/>
    <col min="8972" max="8972" width="8.33203125" style="75" customWidth="1"/>
    <col min="8973" max="8976" width="0" style="75" hidden="1" customWidth="1"/>
    <col min="8977" max="8987" width="8.88671875" style="75"/>
    <col min="8988" max="8991" width="0" style="75" hidden="1" customWidth="1"/>
    <col min="8992" max="8999" width="10" style="75" customWidth="1"/>
    <col min="9000" max="9206" width="8.88671875" style="75"/>
    <col min="9207" max="9207" width="7.44140625" style="75" customWidth="1"/>
    <col min="9208" max="9208" width="16" style="75" customWidth="1"/>
    <col min="9209" max="9209" width="12.21875" style="75" customWidth="1"/>
    <col min="9210" max="9210" width="6.109375" style="75" customWidth="1"/>
    <col min="9211" max="9211" width="1.77734375" style="75" customWidth="1"/>
    <col min="9212" max="9212" width="7.21875" style="75" customWidth="1"/>
    <col min="9213" max="9213" width="4.109375" style="75" customWidth="1"/>
    <col min="9214" max="9214" width="5.77734375" style="75" customWidth="1"/>
    <col min="9215" max="9215" width="1.77734375" style="75" customWidth="1"/>
    <col min="9216" max="9216" width="8.88671875" style="75"/>
    <col min="9217" max="9217" width="5" style="75" customWidth="1"/>
    <col min="9218" max="9218" width="1.6640625" style="75" customWidth="1"/>
    <col min="9219" max="9219" width="3.88671875" style="75" customWidth="1"/>
    <col min="9220" max="9220" width="2.109375" style="75" customWidth="1"/>
    <col min="9221" max="9222" width="4" style="75" customWidth="1"/>
    <col min="9223" max="9223" width="13.77734375" style="75" customWidth="1"/>
    <col min="9224" max="9224" width="1.44140625" style="75" customWidth="1"/>
    <col min="9225" max="9225" width="3.44140625" style="75" customWidth="1"/>
    <col min="9226" max="9226" width="1.6640625" style="75" customWidth="1"/>
    <col min="9227" max="9227" width="72.44140625" style="75" customWidth="1"/>
    <col min="9228" max="9228" width="8.33203125" style="75" customWidth="1"/>
    <col min="9229" max="9232" width="0" style="75" hidden="1" customWidth="1"/>
    <col min="9233" max="9243" width="8.88671875" style="75"/>
    <col min="9244" max="9247" width="0" style="75" hidden="1" customWidth="1"/>
    <col min="9248" max="9255" width="10" style="75" customWidth="1"/>
    <col min="9256" max="9462" width="8.88671875" style="75"/>
    <col min="9463" max="9463" width="7.44140625" style="75" customWidth="1"/>
    <col min="9464" max="9464" width="16" style="75" customWidth="1"/>
    <col min="9465" max="9465" width="12.21875" style="75" customWidth="1"/>
    <col min="9466" max="9466" width="6.109375" style="75" customWidth="1"/>
    <col min="9467" max="9467" width="1.77734375" style="75" customWidth="1"/>
    <col min="9468" max="9468" width="7.21875" style="75" customWidth="1"/>
    <col min="9469" max="9469" width="4.109375" style="75" customWidth="1"/>
    <col min="9470" max="9470" width="5.77734375" style="75" customWidth="1"/>
    <col min="9471" max="9471" width="1.77734375" style="75" customWidth="1"/>
    <col min="9472" max="9472" width="8.88671875" style="75"/>
    <col min="9473" max="9473" width="5" style="75" customWidth="1"/>
    <col min="9474" max="9474" width="1.6640625" style="75" customWidth="1"/>
    <col min="9475" max="9475" width="3.88671875" style="75" customWidth="1"/>
    <col min="9476" max="9476" width="2.109375" style="75" customWidth="1"/>
    <col min="9477" max="9478" width="4" style="75" customWidth="1"/>
    <col min="9479" max="9479" width="13.77734375" style="75" customWidth="1"/>
    <col min="9480" max="9480" width="1.44140625" style="75" customWidth="1"/>
    <col min="9481" max="9481" width="3.44140625" style="75" customWidth="1"/>
    <col min="9482" max="9482" width="1.6640625" style="75" customWidth="1"/>
    <col min="9483" max="9483" width="72.44140625" style="75" customWidth="1"/>
    <col min="9484" max="9484" width="8.33203125" style="75" customWidth="1"/>
    <col min="9485" max="9488" width="0" style="75" hidden="1" customWidth="1"/>
    <col min="9489" max="9499" width="8.88671875" style="75"/>
    <col min="9500" max="9503" width="0" style="75" hidden="1" customWidth="1"/>
    <col min="9504" max="9511" width="10" style="75" customWidth="1"/>
    <col min="9512" max="9718" width="8.88671875" style="75"/>
    <col min="9719" max="9719" width="7.44140625" style="75" customWidth="1"/>
    <col min="9720" max="9720" width="16" style="75" customWidth="1"/>
    <col min="9721" max="9721" width="12.21875" style="75" customWidth="1"/>
    <col min="9722" max="9722" width="6.109375" style="75" customWidth="1"/>
    <col min="9723" max="9723" width="1.77734375" style="75" customWidth="1"/>
    <col min="9724" max="9724" width="7.21875" style="75" customWidth="1"/>
    <col min="9725" max="9725" width="4.109375" style="75" customWidth="1"/>
    <col min="9726" max="9726" width="5.77734375" style="75" customWidth="1"/>
    <col min="9727" max="9727" width="1.77734375" style="75" customWidth="1"/>
    <col min="9728" max="9728" width="8.88671875" style="75"/>
    <col min="9729" max="9729" width="5" style="75" customWidth="1"/>
    <col min="9730" max="9730" width="1.6640625" style="75" customWidth="1"/>
    <col min="9731" max="9731" width="3.88671875" style="75" customWidth="1"/>
    <col min="9732" max="9732" width="2.109375" style="75" customWidth="1"/>
    <col min="9733" max="9734" width="4" style="75" customWidth="1"/>
    <col min="9735" max="9735" width="13.77734375" style="75" customWidth="1"/>
    <col min="9736" max="9736" width="1.44140625" style="75" customWidth="1"/>
    <col min="9737" max="9737" width="3.44140625" style="75" customWidth="1"/>
    <col min="9738" max="9738" width="1.6640625" style="75" customWidth="1"/>
    <col min="9739" max="9739" width="72.44140625" style="75" customWidth="1"/>
    <col min="9740" max="9740" width="8.33203125" style="75" customWidth="1"/>
    <col min="9741" max="9744" width="0" style="75" hidden="1" customWidth="1"/>
    <col min="9745" max="9755" width="8.88671875" style="75"/>
    <col min="9756" max="9759" width="0" style="75" hidden="1" customWidth="1"/>
    <col min="9760" max="9767" width="10" style="75" customWidth="1"/>
    <col min="9768" max="9974" width="8.88671875" style="75"/>
    <col min="9975" max="9975" width="7.44140625" style="75" customWidth="1"/>
    <col min="9976" max="9976" width="16" style="75" customWidth="1"/>
    <col min="9977" max="9977" width="12.21875" style="75" customWidth="1"/>
    <col min="9978" max="9978" width="6.109375" style="75" customWidth="1"/>
    <col min="9979" max="9979" width="1.77734375" style="75" customWidth="1"/>
    <col min="9980" max="9980" width="7.21875" style="75" customWidth="1"/>
    <col min="9981" max="9981" width="4.109375" style="75" customWidth="1"/>
    <col min="9982" max="9982" width="5.77734375" style="75" customWidth="1"/>
    <col min="9983" max="9983" width="1.77734375" style="75" customWidth="1"/>
    <col min="9984" max="9984" width="8.88671875" style="75"/>
    <col min="9985" max="9985" width="5" style="75" customWidth="1"/>
    <col min="9986" max="9986" width="1.6640625" style="75" customWidth="1"/>
    <col min="9987" max="9987" width="3.88671875" style="75" customWidth="1"/>
    <col min="9988" max="9988" width="2.109375" style="75" customWidth="1"/>
    <col min="9989" max="9990" width="4" style="75" customWidth="1"/>
    <col min="9991" max="9991" width="13.77734375" style="75" customWidth="1"/>
    <col min="9992" max="9992" width="1.44140625" style="75" customWidth="1"/>
    <col min="9993" max="9993" width="3.44140625" style="75" customWidth="1"/>
    <col min="9994" max="9994" width="1.6640625" style="75" customWidth="1"/>
    <col min="9995" max="9995" width="72.44140625" style="75" customWidth="1"/>
    <col min="9996" max="9996" width="8.33203125" style="75" customWidth="1"/>
    <col min="9997" max="10000" width="0" style="75" hidden="1" customWidth="1"/>
    <col min="10001" max="10011" width="8.88671875" style="75"/>
    <col min="10012" max="10015" width="0" style="75" hidden="1" customWidth="1"/>
    <col min="10016" max="10023" width="10" style="75" customWidth="1"/>
    <col min="10024" max="10230" width="8.88671875" style="75"/>
    <col min="10231" max="10231" width="7.44140625" style="75" customWidth="1"/>
    <col min="10232" max="10232" width="16" style="75" customWidth="1"/>
    <col min="10233" max="10233" width="12.21875" style="75" customWidth="1"/>
    <col min="10234" max="10234" width="6.109375" style="75" customWidth="1"/>
    <col min="10235" max="10235" width="1.77734375" style="75" customWidth="1"/>
    <col min="10236" max="10236" width="7.21875" style="75" customWidth="1"/>
    <col min="10237" max="10237" width="4.109375" style="75" customWidth="1"/>
    <col min="10238" max="10238" width="5.77734375" style="75" customWidth="1"/>
    <col min="10239" max="10239" width="1.77734375" style="75" customWidth="1"/>
    <col min="10240" max="10240" width="8.88671875" style="75"/>
    <col min="10241" max="10241" width="5" style="75" customWidth="1"/>
    <col min="10242" max="10242" width="1.6640625" style="75" customWidth="1"/>
    <col min="10243" max="10243" width="3.88671875" style="75" customWidth="1"/>
    <col min="10244" max="10244" width="2.109375" style="75" customWidth="1"/>
    <col min="10245" max="10246" width="4" style="75" customWidth="1"/>
    <col min="10247" max="10247" width="13.77734375" style="75" customWidth="1"/>
    <col min="10248" max="10248" width="1.44140625" style="75" customWidth="1"/>
    <col min="10249" max="10249" width="3.44140625" style="75" customWidth="1"/>
    <col min="10250" max="10250" width="1.6640625" style="75" customWidth="1"/>
    <col min="10251" max="10251" width="72.44140625" style="75" customWidth="1"/>
    <col min="10252" max="10252" width="8.33203125" style="75" customWidth="1"/>
    <col min="10253" max="10256" width="0" style="75" hidden="1" customWidth="1"/>
    <col min="10257" max="10267" width="8.88671875" style="75"/>
    <col min="10268" max="10271" width="0" style="75" hidden="1" customWidth="1"/>
    <col min="10272" max="10279" width="10" style="75" customWidth="1"/>
    <col min="10280" max="10486" width="8.88671875" style="75"/>
    <col min="10487" max="10487" width="7.44140625" style="75" customWidth="1"/>
    <col min="10488" max="10488" width="16" style="75" customWidth="1"/>
    <col min="10489" max="10489" width="12.21875" style="75" customWidth="1"/>
    <col min="10490" max="10490" width="6.109375" style="75" customWidth="1"/>
    <col min="10491" max="10491" width="1.77734375" style="75" customWidth="1"/>
    <col min="10492" max="10492" width="7.21875" style="75" customWidth="1"/>
    <col min="10493" max="10493" width="4.109375" style="75" customWidth="1"/>
    <col min="10494" max="10494" width="5.77734375" style="75" customWidth="1"/>
    <col min="10495" max="10495" width="1.77734375" style="75" customWidth="1"/>
    <col min="10496" max="10496" width="8.88671875" style="75"/>
    <col min="10497" max="10497" width="5" style="75" customWidth="1"/>
    <col min="10498" max="10498" width="1.6640625" style="75" customWidth="1"/>
    <col min="10499" max="10499" width="3.88671875" style="75" customWidth="1"/>
    <col min="10500" max="10500" width="2.109375" style="75" customWidth="1"/>
    <col min="10501" max="10502" width="4" style="75" customWidth="1"/>
    <col min="10503" max="10503" width="13.77734375" style="75" customWidth="1"/>
    <col min="10504" max="10504" width="1.44140625" style="75" customWidth="1"/>
    <col min="10505" max="10505" width="3.44140625" style="75" customWidth="1"/>
    <col min="10506" max="10506" width="1.6640625" style="75" customWidth="1"/>
    <col min="10507" max="10507" width="72.44140625" style="75" customWidth="1"/>
    <col min="10508" max="10508" width="8.33203125" style="75" customWidth="1"/>
    <col min="10509" max="10512" width="0" style="75" hidden="1" customWidth="1"/>
    <col min="10513" max="10523" width="8.88671875" style="75"/>
    <col min="10524" max="10527" width="0" style="75" hidden="1" customWidth="1"/>
    <col min="10528" max="10535" width="10" style="75" customWidth="1"/>
    <col min="10536" max="10742" width="8.88671875" style="75"/>
    <col min="10743" max="10743" width="7.44140625" style="75" customWidth="1"/>
    <col min="10744" max="10744" width="16" style="75" customWidth="1"/>
    <col min="10745" max="10745" width="12.21875" style="75" customWidth="1"/>
    <col min="10746" max="10746" width="6.109375" style="75" customWidth="1"/>
    <col min="10747" max="10747" width="1.77734375" style="75" customWidth="1"/>
    <col min="10748" max="10748" width="7.21875" style="75" customWidth="1"/>
    <col min="10749" max="10749" width="4.109375" style="75" customWidth="1"/>
    <col min="10750" max="10750" width="5.77734375" style="75" customWidth="1"/>
    <col min="10751" max="10751" width="1.77734375" style="75" customWidth="1"/>
    <col min="10752" max="10752" width="8.88671875" style="75"/>
    <col min="10753" max="10753" width="5" style="75" customWidth="1"/>
    <col min="10754" max="10754" width="1.6640625" style="75" customWidth="1"/>
    <col min="10755" max="10755" width="3.88671875" style="75" customWidth="1"/>
    <col min="10756" max="10756" width="2.109375" style="75" customWidth="1"/>
    <col min="10757" max="10758" width="4" style="75" customWidth="1"/>
    <col min="10759" max="10759" width="13.77734375" style="75" customWidth="1"/>
    <col min="10760" max="10760" width="1.44140625" style="75" customWidth="1"/>
    <col min="10761" max="10761" width="3.44140625" style="75" customWidth="1"/>
    <col min="10762" max="10762" width="1.6640625" style="75" customWidth="1"/>
    <col min="10763" max="10763" width="72.44140625" style="75" customWidth="1"/>
    <col min="10764" max="10764" width="8.33203125" style="75" customWidth="1"/>
    <col min="10765" max="10768" width="0" style="75" hidden="1" customWidth="1"/>
    <col min="10769" max="10779" width="8.88671875" style="75"/>
    <col min="10780" max="10783" width="0" style="75" hidden="1" customWidth="1"/>
    <col min="10784" max="10791" width="10" style="75" customWidth="1"/>
    <col min="10792" max="10998" width="8.88671875" style="75"/>
    <col min="10999" max="10999" width="7.44140625" style="75" customWidth="1"/>
    <col min="11000" max="11000" width="16" style="75" customWidth="1"/>
    <col min="11001" max="11001" width="12.21875" style="75" customWidth="1"/>
    <col min="11002" max="11002" width="6.109375" style="75" customWidth="1"/>
    <col min="11003" max="11003" width="1.77734375" style="75" customWidth="1"/>
    <col min="11004" max="11004" width="7.21875" style="75" customWidth="1"/>
    <col min="11005" max="11005" width="4.109375" style="75" customWidth="1"/>
    <col min="11006" max="11006" width="5.77734375" style="75" customWidth="1"/>
    <col min="11007" max="11007" width="1.77734375" style="75" customWidth="1"/>
    <col min="11008" max="11008" width="8.88671875" style="75"/>
    <col min="11009" max="11009" width="5" style="75" customWidth="1"/>
    <col min="11010" max="11010" width="1.6640625" style="75" customWidth="1"/>
    <col min="11011" max="11011" width="3.88671875" style="75" customWidth="1"/>
    <col min="11012" max="11012" width="2.109375" style="75" customWidth="1"/>
    <col min="11013" max="11014" width="4" style="75" customWidth="1"/>
    <col min="11015" max="11015" width="13.77734375" style="75" customWidth="1"/>
    <col min="11016" max="11016" width="1.44140625" style="75" customWidth="1"/>
    <col min="11017" max="11017" width="3.44140625" style="75" customWidth="1"/>
    <col min="11018" max="11018" width="1.6640625" style="75" customWidth="1"/>
    <col min="11019" max="11019" width="72.44140625" style="75" customWidth="1"/>
    <col min="11020" max="11020" width="8.33203125" style="75" customWidth="1"/>
    <col min="11021" max="11024" width="0" style="75" hidden="1" customWidth="1"/>
    <col min="11025" max="11035" width="8.88671875" style="75"/>
    <col min="11036" max="11039" width="0" style="75" hidden="1" customWidth="1"/>
    <col min="11040" max="11047" width="10" style="75" customWidth="1"/>
    <col min="11048" max="11254" width="8.88671875" style="75"/>
    <col min="11255" max="11255" width="7.44140625" style="75" customWidth="1"/>
    <col min="11256" max="11256" width="16" style="75" customWidth="1"/>
    <col min="11257" max="11257" width="12.21875" style="75" customWidth="1"/>
    <col min="11258" max="11258" width="6.109375" style="75" customWidth="1"/>
    <col min="11259" max="11259" width="1.77734375" style="75" customWidth="1"/>
    <col min="11260" max="11260" width="7.21875" style="75" customWidth="1"/>
    <col min="11261" max="11261" width="4.109375" style="75" customWidth="1"/>
    <col min="11262" max="11262" width="5.77734375" style="75" customWidth="1"/>
    <col min="11263" max="11263" width="1.77734375" style="75" customWidth="1"/>
    <col min="11264" max="11264" width="8.88671875" style="75"/>
    <col min="11265" max="11265" width="5" style="75" customWidth="1"/>
    <col min="11266" max="11266" width="1.6640625" style="75" customWidth="1"/>
    <col min="11267" max="11267" width="3.88671875" style="75" customWidth="1"/>
    <col min="11268" max="11268" width="2.109375" style="75" customWidth="1"/>
    <col min="11269" max="11270" width="4" style="75" customWidth="1"/>
    <col min="11271" max="11271" width="13.77734375" style="75" customWidth="1"/>
    <col min="11272" max="11272" width="1.44140625" style="75" customWidth="1"/>
    <col min="11273" max="11273" width="3.44140625" style="75" customWidth="1"/>
    <col min="11274" max="11274" width="1.6640625" style="75" customWidth="1"/>
    <col min="11275" max="11275" width="72.44140625" style="75" customWidth="1"/>
    <col min="11276" max="11276" width="8.33203125" style="75" customWidth="1"/>
    <col min="11277" max="11280" width="0" style="75" hidden="1" customWidth="1"/>
    <col min="11281" max="11291" width="8.88671875" style="75"/>
    <col min="11292" max="11295" width="0" style="75" hidden="1" customWidth="1"/>
    <col min="11296" max="11303" width="10" style="75" customWidth="1"/>
    <col min="11304" max="11510" width="8.88671875" style="75"/>
    <col min="11511" max="11511" width="7.44140625" style="75" customWidth="1"/>
    <col min="11512" max="11512" width="16" style="75" customWidth="1"/>
    <col min="11513" max="11513" width="12.21875" style="75" customWidth="1"/>
    <col min="11514" max="11514" width="6.109375" style="75" customWidth="1"/>
    <col min="11515" max="11515" width="1.77734375" style="75" customWidth="1"/>
    <col min="11516" max="11516" width="7.21875" style="75" customWidth="1"/>
    <col min="11517" max="11517" width="4.109375" style="75" customWidth="1"/>
    <col min="11518" max="11518" width="5.77734375" style="75" customWidth="1"/>
    <col min="11519" max="11519" width="1.77734375" style="75" customWidth="1"/>
    <col min="11520" max="11520" width="8.88671875" style="75"/>
    <col min="11521" max="11521" width="5" style="75" customWidth="1"/>
    <col min="11522" max="11522" width="1.6640625" style="75" customWidth="1"/>
    <col min="11523" max="11523" width="3.88671875" style="75" customWidth="1"/>
    <col min="11524" max="11524" width="2.109375" style="75" customWidth="1"/>
    <col min="11525" max="11526" width="4" style="75" customWidth="1"/>
    <col min="11527" max="11527" width="13.77734375" style="75" customWidth="1"/>
    <col min="11528" max="11528" width="1.44140625" style="75" customWidth="1"/>
    <col min="11529" max="11529" width="3.44140625" style="75" customWidth="1"/>
    <col min="11530" max="11530" width="1.6640625" style="75" customWidth="1"/>
    <col min="11531" max="11531" width="72.44140625" style="75" customWidth="1"/>
    <col min="11532" max="11532" width="8.33203125" style="75" customWidth="1"/>
    <col min="11533" max="11536" width="0" style="75" hidden="1" customWidth="1"/>
    <col min="11537" max="11547" width="8.88671875" style="75"/>
    <col min="11548" max="11551" width="0" style="75" hidden="1" customWidth="1"/>
    <col min="11552" max="11559" width="10" style="75" customWidth="1"/>
    <col min="11560" max="11766" width="8.88671875" style="75"/>
    <col min="11767" max="11767" width="7.44140625" style="75" customWidth="1"/>
    <col min="11768" max="11768" width="16" style="75" customWidth="1"/>
    <col min="11769" max="11769" width="12.21875" style="75" customWidth="1"/>
    <col min="11770" max="11770" width="6.109375" style="75" customWidth="1"/>
    <col min="11771" max="11771" width="1.77734375" style="75" customWidth="1"/>
    <col min="11772" max="11772" width="7.21875" style="75" customWidth="1"/>
    <col min="11773" max="11773" width="4.109375" style="75" customWidth="1"/>
    <col min="11774" max="11774" width="5.77734375" style="75" customWidth="1"/>
    <col min="11775" max="11775" width="1.77734375" style="75" customWidth="1"/>
    <col min="11776" max="11776" width="8.88671875" style="75"/>
    <col min="11777" max="11777" width="5" style="75" customWidth="1"/>
    <col min="11778" max="11778" width="1.6640625" style="75" customWidth="1"/>
    <col min="11779" max="11779" width="3.88671875" style="75" customWidth="1"/>
    <col min="11780" max="11780" width="2.109375" style="75" customWidth="1"/>
    <col min="11781" max="11782" width="4" style="75" customWidth="1"/>
    <col min="11783" max="11783" width="13.77734375" style="75" customWidth="1"/>
    <col min="11784" max="11784" width="1.44140625" style="75" customWidth="1"/>
    <col min="11785" max="11785" width="3.44140625" style="75" customWidth="1"/>
    <col min="11786" max="11786" width="1.6640625" style="75" customWidth="1"/>
    <col min="11787" max="11787" width="72.44140625" style="75" customWidth="1"/>
    <col min="11788" max="11788" width="8.33203125" style="75" customWidth="1"/>
    <col min="11789" max="11792" width="0" style="75" hidden="1" customWidth="1"/>
    <col min="11793" max="11803" width="8.88671875" style="75"/>
    <col min="11804" max="11807" width="0" style="75" hidden="1" customWidth="1"/>
    <col min="11808" max="11815" width="10" style="75" customWidth="1"/>
    <col min="11816" max="12022" width="8.88671875" style="75"/>
    <col min="12023" max="12023" width="7.44140625" style="75" customWidth="1"/>
    <col min="12024" max="12024" width="16" style="75" customWidth="1"/>
    <col min="12025" max="12025" width="12.21875" style="75" customWidth="1"/>
    <col min="12026" max="12026" width="6.109375" style="75" customWidth="1"/>
    <col min="12027" max="12027" width="1.77734375" style="75" customWidth="1"/>
    <col min="12028" max="12028" width="7.21875" style="75" customWidth="1"/>
    <col min="12029" max="12029" width="4.109375" style="75" customWidth="1"/>
    <col min="12030" max="12030" width="5.77734375" style="75" customWidth="1"/>
    <col min="12031" max="12031" width="1.77734375" style="75" customWidth="1"/>
    <col min="12032" max="12032" width="8.88671875" style="75"/>
    <col min="12033" max="12033" width="5" style="75" customWidth="1"/>
    <col min="12034" max="12034" width="1.6640625" style="75" customWidth="1"/>
    <col min="12035" max="12035" width="3.88671875" style="75" customWidth="1"/>
    <col min="12036" max="12036" width="2.109375" style="75" customWidth="1"/>
    <col min="12037" max="12038" width="4" style="75" customWidth="1"/>
    <col min="12039" max="12039" width="13.77734375" style="75" customWidth="1"/>
    <col min="12040" max="12040" width="1.44140625" style="75" customWidth="1"/>
    <col min="12041" max="12041" width="3.44140625" style="75" customWidth="1"/>
    <col min="12042" max="12042" width="1.6640625" style="75" customWidth="1"/>
    <col min="12043" max="12043" width="72.44140625" style="75" customWidth="1"/>
    <col min="12044" max="12044" width="8.33203125" style="75" customWidth="1"/>
    <col min="12045" max="12048" width="0" style="75" hidden="1" customWidth="1"/>
    <col min="12049" max="12059" width="8.88671875" style="75"/>
    <col min="12060" max="12063" width="0" style="75" hidden="1" customWidth="1"/>
    <col min="12064" max="12071" width="10" style="75" customWidth="1"/>
    <col min="12072" max="12278" width="8.88671875" style="75"/>
    <col min="12279" max="12279" width="7.44140625" style="75" customWidth="1"/>
    <col min="12280" max="12280" width="16" style="75" customWidth="1"/>
    <col min="12281" max="12281" width="12.21875" style="75" customWidth="1"/>
    <col min="12282" max="12282" width="6.109375" style="75" customWidth="1"/>
    <col min="12283" max="12283" width="1.77734375" style="75" customWidth="1"/>
    <col min="12284" max="12284" width="7.21875" style="75" customWidth="1"/>
    <col min="12285" max="12285" width="4.109375" style="75" customWidth="1"/>
    <col min="12286" max="12286" width="5.77734375" style="75" customWidth="1"/>
    <col min="12287" max="12287" width="1.77734375" style="75" customWidth="1"/>
    <col min="12288" max="12288" width="8.88671875" style="75"/>
    <col min="12289" max="12289" width="5" style="75" customWidth="1"/>
    <col min="12290" max="12290" width="1.6640625" style="75" customWidth="1"/>
    <col min="12291" max="12291" width="3.88671875" style="75" customWidth="1"/>
    <col min="12292" max="12292" width="2.109375" style="75" customWidth="1"/>
    <col min="12293" max="12294" width="4" style="75" customWidth="1"/>
    <col min="12295" max="12295" width="13.77734375" style="75" customWidth="1"/>
    <col min="12296" max="12296" width="1.44140625" style="75" customWidth="1"/>
    <col min="12297" max="12297" width="3.44140625" style="75" customWidth="1"/>
    <col min="12298" max="12298" width="1.6640625" style="75" customWidth="1"/>
    <col min="12299" max="12299" width="72.44140625" style="75" customWidth="1"/>
    <col min="12300" max="12300" width="8.33203125" style="75" customWidth="1"/>
    <col min="12301" max="12304" width="0" style="75" hidden="1" customWidth="1"/>
    <col min="12305" max="12315" width="8.88671875" style="75"/>
    <col min="12316" max="12319" width="0" style="75" hidden="1" customWidth="1"/>
    <col min="12320" max="12327" width="10" style="75" customWidth="1"/>
    <col min="12328" max="12534" width="8.88671875" style="75"/>
    <col min="12535" max="12535" width="7.44140625" style="75" customWidth="1"/>
    <col min="12536" max="12536" width="16" style="75" customWidth="1"/>
    <col min="12537" max="12537" width="12.21875" style="75" customWidth="1"/>
    <col min="12538" max="12538" width="6.109375" style="75" customWidth="1"/>
    <col min="12539" max="12539" width="1.77734375" style="75" customWidth="1"/>
    <col min="12540" max="12540" width="7.21875" style="75" customWidth="1"/>
    <col min="12541" max="12541" width="4.109375" style="75" customWidth="1"/>
    <col min="12542" max="12542" width="5.77734375" style="75" customWidth="1"/>
    <col min="12543" max="12543" width="1.77734375" style="75" customWidth="1"/>
    <col min="12544" max="12544" width="8.88671875" style="75"/>
    <col min="12545" max="12545" width="5" style="75" customWidth="1"/>
    <col min="12546" max="12546" width="1.6640625" style="75" customWidth="1"/>
    <col min="12547" max="12547" width="3.88671875" style="75" customWidth="1"/>
    <col min="12548" max="12548" width="2.109375" style="75" customWidth="1"/>
    <col min="12549" max="12550" width="4" style="75" customWidth="1"/>
    <col min="12551" max="12551" width="13.77734375" style="75" customWidth="1"/>
    <col min="12552" max="12552" width="1.44140625" style="75" customWidth="1"/>
    <col min="12553" max="12553" width="3.44140625" style="75" customWidth="1"/>
    <col min="12554" max="12554" width="1.6640625" style="75" customWidth="1"/>
    <col min="12555" max="12555" width="72.44140625" style="75" customWidth="1"/>
    <col min="12556" max="12556" width="8.33203125" style="75" customWidth="1"/>
    <col min="12557" max="12560" width="0" style="75" hidden="1" customWidth="1"/>
    <col min="12561" max="12571" width="8.88671875" style="75"/>
    <col min="12572" max="12575" width="0" style="75" hidden="1" customWidth="1"/>
    <col min="12576" max="12583" width="10" style="75" customWidth="1"/>
    <col min="12584" max="12790" width="8.88671875" style="75"/>
    <col min="12791" max="12791" width="7.44140625" style="75" customWidth="1"/>
    <col min="12792" max="12792" width="16" style="75" customWidth="1"/>
    <col min="12793" max="12793" width="12.21875" style="75" customWidth="1"/>
    <col min="12794" max="12794" width="6.109375" style="75" customWidth="1"/>
    <col min="12795" max="12795" width="1.77734375" style="75" customWidth="1"/>
    <col min="12796" max="12796" width="7.21875" style="75" customWidth="1"/>
    <col min="12797" max="12797" width="4.109375" style="75" customWidth="1"/>
    <col min="12798" max="12798" width="5.77734375" style="75" customWidth="1"/>
    <col min="12799" max="12799" width="1.77734375" style="75" customWidth="1"/>
    <col min="12800" max="12800" width="8.88671875" style="75"/>
    <col min="12801" max="12801" width="5" style="75" customWidth="1"/>
    <col min="12802" max="12802" width="1.6640625" style="75" customWidth="1"/>
    <col min="12803" max="12803" width="3.88671875" style="75" customWidth="1"/>
    <col min="12804" max="12804" width="2.109375" style="75" customWidth="1"/>
    <col min="12805" max="12806" width="4" style="75" customWidth="1"/>
    <col min="12807" max="12807" width="13.77734375" style="75" customWidth="1"/>
    <col min="12808" max="12808" width="1.44140625" style="75" customWidth="1"/>
    <col min="12809" max="12809" width="3.44140625" style="75" customWidth="1"/>
    <col min="12810" max="12810" width="1.6640625" style="75" customWidth="1"/>
    <col min="12811" max="12811" width="72.44140625" style="75" customWidth="1"/>
    <col min="12812" max="12812" width="8.33203125" style="75" customWidth="1"/>
    <col min="12813" max="12816" width="0" style="75" hidden="1" customWidth="1"/>
    <col min="12817" max="12827" width="8.88671875" style="75"/>
    <col min="12828" max="12831" width="0" style="75" hidden="1" customWidth="1"/>
    <col min="12832" max="12839" width="10" style="75" customWidth="1"/>
    <col min="12840" max="13046" width="8.88671875" style="75"/>
    <col min="13047" max="13047" width="7.44140625" style="75" customWidth="1"/>
    <col min="13048" max="13048" width="16" style="75" customWidth="1"/>
    <col min="13049" max="13049" width="12.21875" style="75" customWidth="1"/>
    <col min="13050" max="13050" width="6.109375" style="75" customWidth="1"/>
    <col min="13051" max="13051" width="1.77734375" style="75" customWidth="1"/>
    <col min="13052" max="13052" width="7.21875" style="75" customWidth="1"/>
    <col min="13053" max="13053" width="4.109375" style="75" customWidth="1"/>
    <col min="13054" max="13054" width="5.77734375" style="75" customWidth="1"/>
    <col min="13055" max="13055" width="1.77734375" style="75" customWidth="1"/>
    <col min="13056" max="13056" width="8.88671875" style="75"/>
    <col min="13057" max="13057" width="5" style="75" customWidth="1"/>
    <col min="13058" max="13058" width="1.6640625" style="75" customWidth="1"/>
    <col min="13059" max="13059" width="3.88671875" style="75" customWidth="1"/>
    <col min="13060" max="13060" width="2.109375" style="75" customWidth="1"/>
    <col min="13061" max="13062" width="4" style="75" customWidth="1"/>
    <col min="13063" max="13063" width="13.77734375" style="75" customWidth="1"/>
    <col min="13064" max="13064" width="1.44140625" style="75" customWidth="1"/>
    <col min="13065" max="13065" width="3.44140625" style="75" customWidth="1"/>
    <col min="13066" max="13066" width="1.6640625" style="75" customWidth="1"/>
    <col min="13067" max="13067" width="72.44140625" style="75" customWidth="1"/>
    <col min="13068" max="13068" width="8.33203125" style="75" customWidth="1"/>
    <col min="13069" max="13072" width="0" style="75" hidden="1" customWidth="1"/>
    <col min="13073" max="13083" width="8.88671875" style="75"/>
    <col min="13084" max="13087" width="0" style="75" hidden="1" customWidth="1"/>
    <col min="13088" max="13095" width="10" style="75" customWidth="1"/>
    <col min="13096" max="13302" width="8.88671875" style="75"/>
    <col min="13303" max="13303" width="7.44140625" style="75" customWidth="1"/>
    <col min="13304" max="13304" width="16" style="75" customWidth="1"/>
    <col min="13305" max="13305" width="12.21875" style="75" customWidth="1"/>
    <col min="13306" max="13306" width="6.109375" style="75" customWidth="1"/>
    <col min="13307" max="13307" width="1.77734375" style="75" customWidth="1"/>
    <col min="13308" max="13308" width="7.21875" style="75" customWidth="1"/>
    <col min="13309" max="13309" width="4.109375" style="75" customWidth="1"/>
    <col min="13310" max="13310" width="5.77734375" style="75" customWidth="1"/>
    <col min="13311" max="13311" width="1.77734375" style="75" customWidth="1"/>
    <col min="13312" max="13312" width="8.88671875" style="75"/>
    <col min="13313" max="13313" width="5" style="75" customWidth="1"/>
    <col min="13314" max="13314" width="1.6640625" style="75" customWidth="1"/>
    <col min="13315" max="13315" width="3.88671875" style="75" customWidth="1"/>
    <col min="13316" max="13316" width="2.109375" style="75" customWidth="1"/>
    <col min="13317" max="13318" width="4" style="75" customWidth="1"/>
    <col min="13319" max="13319" width="13.77734375" style="75" customWidth="1"/>
    <col min="13320" max="13320" width="1.44140625" style="75" customWidth="1"/>
    <col min="13321" max="13321" width="3.44140625" style="75" customWidth="1"/>
    <col min="13322" max="13322" width="1.6640625" style="75" customWidth="1"/>
    <col min="13323" max="13323" width="72.44140625" style="75" customWidth="1"/>
    <col min="13324" max="13324" width="8.33203125" style="75" customWidth="1"/>
    <col min="13325" max="13328" width="0" style="75" hidden="1" customWidth="1"/>
    <col min="13329" max="13339" width="8.88671875" style="75"/>
    <col min="13340" max="13343" width="0" style="75" hidden="1" customWidth="1"/>
    <col min="13344" max="13351" width="10" style="75" customWidth="1"/>
    <col min="13352" max="13558" width="8.88671875" style="75"/>
    <col min="13559" max="13559" width="7.44140625" style="75" customWidth="1"/>
    <col min="13560" max="13560" width="16" style="75" customWidth="1"/>
    <col min="13561" max="13561" width="12.21875" style="75" customWidth="1"/>
    <col min="13562" max="13562" width="6.109375" style="75" customWidth="1"/>
    <col min="13563" max="13563" width="1.77734375" style="75" customWidth="1"/>
    <col min="13564" max="13564" width="7.21875" style="75" customWidth="1"/>
    <col min="13565" max="13565" width="4.109375" style="75" customWidth="1"/>
    <col min="13566" max="13566" width="5.77734375" style="75" customWidth="1"/>
    <col min="13567" max="13567" width="1.77734375" style="75" customWidth="1"/>
    <col min="13568" max="13568" width="8.88671875" style="75"/>
    <col min="13569" max="13569" width="5" style="75" customWidth="1"/>
    <col min="13570" max="13570" width="1.6640625" style="75" customWidth="1"/>
    <col min="13571" max="13571" width="3.88671875" style="75" customWidth="1"/>
    <col min="13572" max="13572" width="2.109375" style="75" customWidth="1"/>
    <col min="13573" max="13574" width="4" style="75" customWidth="1"/>
    <col min="13575" max="13575" width="13.77734375" style="75" customWidth="1"/>
    <col min="13576" max="13576" width="1.44140625" style="75" customWidth="1"/>
    <col min="13577" max="13577" width="3.44140625" style="75" customWidth="1"/>
    <col min="13578" max="13578" width="1.6640625" style="75" customWidth="1"/>
    <col min="13579" max="13579" width="72.44140625" style="75" customWidth="1"/>
    <col min="13580" max="13580" width="8.33203125" style="75" customWidth="1"/>
    <col min="13581" max="13584" width="0" style="75" hidden="1" customWidth="1"/>
    <col min="13585" max="13595" width="8.88671875" style="75"/>
    <col min="13596" max="13599" width="0" style="75" hidden="1" customWidth="1"/>
    <col min="13600" max="13607" width="10" style="75" customWidth="1"/>
    <col min="13608" max="13814" width="8.88671875" style="75"/>
    <col min="13815" max="13815" width="7.44140625" style="75" customWidth="1"/>
    <col min="13816" max="13816" width="16" style="75" customWidth="1"/>
    <col min="13817" max="13817" width="12.21875" style="75" customWidth="1"/>
    <col min="13818" max="13818" width="6.109375" style="75" customWidth="1"/>
    <col min="13819" max="13819" width="1.77734375" style="75" customWidth="1"/>
    <col min="13820" max="13820" width="7.21875" style="75" customWidth="1"/>
    <col min="13821" max="13821" width="4.109375" style="75" customWidth="1"/>
    <col min="13822" max="13822" width="5.77734375" style="75" customWidth="1"/>
    <col min="13823" max="13823" width="1.77734375" style="75" customWidth="1"/>
    <col min="13824" max="13824" width="8.88671875" style="75"/>
    <col min="13825" max="13825" width="5" style="75" customWidth="1"/>
    <col min="13826" max="13826" width="1.6640625" style="75" customWidth="1"/>
    <col min="13827" max="13827" width="3.88671875" style="75" customWidth="1"/>
    <col min="13828" max="13828" width="2.109375" style="75" customWidth="1"/>
    <col min="13829" max="13830" width="4" style="75" customWidth="1"/>
    <col min="13831" max="13831" width="13.77734375" style="75" customWidth="1"/>
    <col min="13832" max="13832" width="1.44140625" style="75" customWidth="1"/>
    <col min="13833" max="13833" width="3.44140625" style="75" customWidth="1"/>
    <col min="13834" max="13834" width="1.6640625" style="75" customWidth="1"/>
    <col min="13835" max="13835" width="72.44140625" style="75" customWidth="1"/>
    <col min="13836" max="13836" width="8.33203125" style="75" customWidth="1"/>
    <col min="13837" max="13840" width="0" style="75" hidden="1" customWidth="1"/>
    <col min="13841" max="13851" width="8.88671875" style="75"/>
    <col min="13852" max="13855" width="0" style="75" hidden="1" customWidth="1"/>
    <col min="13856" max="13863" width="10" style="75" customWidth="1"/>
    <col min="13864" max="14070" width="8.88671875" style="75"/>
    <col min="14071" max="14071" width="7.44140625" style="75" customWidth="1"/>
    <col min="14072" max="14072" width="16" style="75" customWidth="1"/>
    <col min="14073" max="14073" width="12.21875" style="75" customWidth="1"/>
    <col min="14074" max="14074" width="6.109375" style="75" customWidth="1"/>
    <col min="14075" max="14075" width="1.77734375" style="75" customWidth="1"/>
    <col min="14076" max="14076" width="7.21875" style="75" customWidth="1"/>
    <col min="14077" max="14077" width="4.109375" style="75" customWidth="1"/>
    <col min="14078" max="14078" width="5.77734375" style="75" customWidth="1"/>
    <col min="14079" max="14079" width="1.77734375" style="75" customWidth="1"/>
    <col min="14080" max="14080" width="8.88671875" style="75"/>
    <col min="14081" max="14081" width="5" style="75" customWidth="1"/>
    <col min="14082" max="14082" width="1.6640625" style="75" customWidth="1"/>
    <col min="14083" max="14083" width="3.88671875" style="75" customWidth="1"/>
    <col min="14084" max="14084" width="2.109375" style="75" customWidth="1"/>
    <col min="14085" max="14086" width="4" style="75" customWidth="1"/>
    <col min="14087" max="14087" width="13.77734375" style="75" customWidth="1"/>
    <col min="14088" max="14088" width="1.44140625" style="75" customWidth="1"/>
    <col min="14089" max="14089" width="3.44140625" style="75" customWidth="1"/>
    <col min="14090" max="14090" width="1.6640625" style="75" customWidth="1"/>
    <col min="14091" max="14091" width="72.44140625" style="75" customWidth="1"/>
    <col min="14092" max="14092" width="8.33203125" style="75" customWidth="1"/>
    <col min="14093" max="14096" width="0" style="75" hidden="1" customWidth="1"/>
    <col min="14097" max="14107" width="8.88671875" style="75"/>
    <col min="14108" max="14111" width="0" style="75" hidden="1" customWidth="1"/>
    <col min="14112" max="14119" width="10" style="75" customWidth="1"/>
    <col min="14120" max="14326" width="8.88671875" style="75"/>
    <col min="14327" max="14327" width="7.44140625" style="75" customWidth="1"/>
    <col min="14328" max="14328" width="16" style="75" customWidth="1"/>
    <col min="14329" max="14329" width="12.21875" style="75" customWidth="1"/>
    <col min="14330" max="14330" width="6.109375" style="75" customWidth="1"/>
    <col min="14331" max="14331" width="1.77734375" style="75" customWidth="1"/>
    <col min="14332" max="14332" width="7.21875" style="75" customWidth="1"/>
    <col min="14333" max="14333" width="4.109375" style="75" customWidth="1"/>
    <col min="14334" max="14334" width="5.77734375" style="75" customWidth="1"/>
    <col min="14335" max="14335" width="1.77734375" style="75" customWidth="1"/>
    <col min="14336" max="14336" width="8.88671875" style="75"/>
    <col min="14337" max="14337" width="5" style="75" customWidth="1"/>
    <col min="14338" max="14338" width="1.6640625" style="75" customWidth="1"/>
    <col min="14339" max="14339" width="3.88671875" style="75" customWidth="1"/>
    <col min="14340" max="14340" width="2.109375" style="75" customWidth="1"/>
    <col min="14341" max="14342" width="4" style="75" customWidth="1"/>
    <col min="14343" max="14343" width="13.77734375" style="75" customWidth="1"/>
    <col min="14344" max="14344" width="1.44140625" style="75" customWidth="1"/>
    <col min="14345" max="14345" width="3.44140625" style="75" customWidth="1"/>
    <col min="14346" max="14346" width="1.6640625" style="75" customWidth="1"/>
    <col min="14347" max="14347" width="72.44140625" style="75" customWidth="1"/>
    <col min="14348" max="14348" width="8.33203125" style="75" customWidth="1"/>
    <col min="14349" max="14352" width="0" style="75" hidden="1" customWidth="1"/>
    <col min="14353" max="14363" width="8.88671875" style="75"/>
    <col min="14364" max="14367" width="0" style="75" hidden="1" customWidth="1"/>
    <col min="14368" max="14375" width="10" style="75" customWidth="1"/>
    <col min="14376" max="14582" width="8.88671875" style="75"/>
    <col min="14583" max="14583" width="7.44140625" style="75" customWidth="1"/>
    <col min="14584" max="14584" width="16" style="75" customWidth="1"/>
    <col min="14585" max="14585" width="12.21875" style="75" customWidth="1"/>
    <col min="14586" max="14586" width="6.109375" style="75" customWidth="1"/>
    <col min="14587" max="14587" width="1.77734375" style="75" customWidth="1"/>
    <col min="14588" max="14588" width="7.21875" style="75" customWidth="1"/>
    <col min="14589" max="14589" width="4.109375" style="75" customWidth="1"/>
    <col min="14590" max="14590" width="5.77734375" style="75" customWidth="1"/>
    <col min="14591" max="14591" width="1.77734375" style="75" customWidth="1"/>
    <col min="14592" max="14592" width="8.88671875" style="75"/>
    <col min="14593" max="14593" width="5" style="75" customWidth="1"/>
    <col min="14594" max="14594" width="1.6640625" style="75" customWidth="1"/>
    <col min="14595" max="14595" width="3.88671875" style="75" customWidth="1"/>
    <col min="14596" max="14596" width="2.109375" style="75" customWidth="1"/>
    <col min="14597" max="14598" width="4" style="75" customWidth="1"/>
    <col min="14599" max="14599" width="13.77734375" style="75" customWidth="1"/>
    <col min="14600" max="14600" width="1.44140625" style="75" customWidth="1"/>
    <col min="14601" max="14601" width="3.44140625" style="75" customWidth="1"/>
    <col min="14602" max="14602" width="1.6640625" style="75" customWidth="1"/>
    <col min="14603" max="14603" width="72.44140625" style="75" customWidth="1"/>
    <col min="14604" max="14604" width="8.33203125" style="75" customWidth="1"/>
    <col min="14605" max="14608" width="0" style="75" hidden="1" customWidth="1"/>
    <col min="14609" max="14619" width="8.88671875" style="75"/>
    <col min="14620" max="14623" width="0" style="75" hidden="1" customWidth="1"/>
    <col min="14624" max="14631" width="10" style="75" customWidth="1"/>
    <col min="14632" max="14838" width="8.88671875" style="75"/>
    <col min="14839" max="14839" width="7.44140625" style="75" customWidth="1"/>
    <col min="14840" max="14840" width="16" style="75" customWidth="1"/>
    <col min="14841" max="14841" width="12.21875" style="75" customWidth="1"/>
    <col min="14842" max="14842" width="6.109375" style="75" customWidth="1"/>
    <col min="14843" max="14843" width="1.77734375" style="75" customWidth="1"/>
    <col min="14844" max="14844" width="7.21875" style="75" customWidth="1"/>
    <col min="14845" max="14845" width="4.109375" style="75" customWidth="1"/>
    <col min="14846" max="14846" width="5.77734375" style="75" customWidth="1"/>
    <col min="14847" max="14847" width="1.77734375" style="75" customWidth="1"/>
    <col min="14848" max="14848" width="8.88671875" style="75"/>
    <col min="14849" max="14849" width="5" style="75" customWidth="1"/>
    <col min="14850" max="14850" width="1.6640625" style="75" customWidth="1"/>
    <col min="14851" max="14851" width="3.88671875" style="75" customWidth="1"/>
    <col min="14852" max="14852" width="2.109375" style="75" customWidth="1"/>
    <col min="14853" max="14854" width="4" style="75" customWidth="1"/>
    <col min="14855" max="14855" width="13.77734375" style="75" customWidth="1"/>
    <col min="14856" max="14856" width="1.44140625" style="75" customWidth="1"/>
    <col min="14857" max="14857" width="3.44140625" style="75" customWidth="1"/>
    <col min="14858" max="14858" width="1.6640625" style="75" customWidth="1"/>
    <col min="14859" max="14859" width="72.44140625" style="75" customWidth="1"/>
    <col min="14860" max="14860" width="8.33203125" style="75" customWidth="1"/>
    <col min="14861" max="14864" width="0" style="75" hidden="1" customWidth="1"/>
    <col min="14865" max="14875" width="8.88671875" style="75"/>
    <col min="14876" max="14879" width="0" style="75" hidden="1" customWidth="1"/>
    <col min="14880" max="14887" width="10" style="75" customWidth="1"/>
    <col min="14888" max="15094" width="8.88671875" style="75"/>
    <col min="15095" max="15095" width="7.44140625" style="75" customWidth="1"/>
    <col min="15096" max="15096" width="16" style="75" customWidth="1"/>
    <col min="15097" max="15097" width="12.21875" style="75" customWidth="1"/>
    <col min="15098" max="15098" width="6.109375" style="75" customWidth="1"/>
    <col min="15099" max="15099" width="1.77734375" style="75" customWidth="1"/>
    <col min="15100" max="15100" width="7.21875" style="75" customWidth="1"/>
    <col min="15101" max="15101" width="4.109375" style="75" customWidth="1"/>
    <col min="15102" max="15102" width="5.77734375" style="75" customWidth="1"/>
    <col min="15103" max="15103" width="1.77734375" style="75" customWidth="1"/>
    <col min="15104" max="15104" width="8.88671875" style="75"/>
    <col min="15105" max="15105" width="5" style="75" customWidth="1"/>
    <col min="15106" max="15106" width="1.6640625" style="75" customWidth="1"/>
    <col min="15107" max="15107" width="3.88671875" style="75" customWidth="1"/>
    <col min="15108" max="15108" width="2.109375" style="75" customWidth="1"/>
    <col min="15109" max="15110" width="4" style="75" customWidth="1"/>
    <col min="15111" max="15111" width="13.77734375" style="75" customWidth="1"/>
    <col min="15112" max="15112" width="1.44140625" style="75" customWidth="1"/>
    <col min="15113" max="15113" width="3.44140625" style="75" customWidth="1"/>
    <col min="15114" max="15114" width="1.6640625" style="75" customWidth="1"/>
    <col min="15115" max="15115" width="72.44140625" style="75" customWidth="1"/>
    <col min="15116" max="15116" width="8.33203125" style="75" customWidth="1"/>
    <col min="15117" max="15120" width="0" style="75" hidden="1" customWidth="1"/>
    <col min="15121" max="15131" width="8.88671875" style="75"/>
    <col min="15132" max="15135" width="0" style="75" hidden="1" customWidth="1"/>
    <col min="15136" max="15143" width="10" style="75" customWidth="1"/>
    <col min="15144" max="15350" width="8.88671875" style="75"/>
    <col min="15351" max="15351" width="7.44140625" style="75" customWidth="1"/>
    <col min="15352" max="15352" width="16" style="75" customWidth="1"/>
    <col min="15353" max="15353" width="12.21875" style="75" customWidth="1"/>
    <col min="15354" max="15354" width="6.109375" style="75" customWidth="1"/>
    <col min="15355" max="15355" width="1.77734375" style="75" customWidth="1"/>
    <col min="15356" max="15356" width="7.21875" style="75" customWidth="1"/>
    <col min="15357" max="15357" width="4.109375" style="75" customWidth="1"/>
    <col min="15358" max="15358" width="5.77734375" style="75" customWidth="1"/>
    <col min="15359" max="15359" width="1.77734375" style="75" customWidth="1"/>
    <col min="15360" max="15360" width="8.88671875" style="75"/>
    <col min="15361" max="15361" width="5" style="75" customWidth="1"/>
    <col min="15362" max="15362" width="1.6640625" style="75" customWidth="1"/>
    <col min="15363" max="15363" width="3.88671875" style="75" customWidth="1"/>
    <col min="15364" max="15364" width="2.109375" style="75" customWidth="1"/>
    <col min="15365" max="15366" width="4" style="75" customWidth="1"/>
    <col min="15367" max="15367" width="13.77734375" style="75" customWidth="1"/>
    <col min="15368" max="15368" width="1.44140625" style="75" customWidth="1"/>
    <col min="15369" max="15369" width="3.44140625" style="75" customWidth="1"/>
    <col min="15370" max="15370" width="1.6640625" style="75" customWidth="1"/>
    <col min="15371" max="15371" width="72.44140625" style="75" customWidth="1"/>
    <col min="15372" max="15372" width="8.33203125" style="75" customWidth="1"/>
    <col min="15373" max="15376" width="0" style="75" hidden="1" customWidth="1"/>
    <col min="15377" max="15387" width="8.88671875" style="75"/>
    <col min="15388" max="15391" width="0" style="75" hidden="1" customWidth="1"/>
    <col min="15392" max="15399" width="10" style="75" customWidth="1"/>
    <col min="15400" max="15606" width="8.88671875" style="75"/>
    <col min="15607" max="15607" width="7.44140625" style="75" customWidth="1"/>
    <col min="15608" max="15608" width="16" style="75" customWidth="1"/>
    <col min="15609" max="15609" width="12.21875" style="75" customWidth="1"/>
    <col min="15610" max="15610" width="6.109375" style="75" customWidth="1"/>
    <col min="15611" max="15611" width="1.77734375" style="75" customWidth="1"/>
    <col min="15612" max="15612" width="7.21875" style="75" customWidth="1"/>
    <col min="15613" max="15613" width="4.109375" style="75" customWidth="1"/>
    <col min="15614" max="15614" width="5.77734375" style="75" customWidth="1"/>
    <col min="15615" max="15615" width="1.77734375" style="75" customWidth="1"/>
    <col min="15616" max="15616" width="8.88671875" style="75"/>
    <col min="15617" max="15617" width="5" style="75" customWidth="1"/>
    <col min="15618" max="15618" width="1.6640625" style="75" customWidth="1"/>
    <col min="15619" max="15619" width="3.88671875" style="75" customWidth="1"/>
    <col min="15620" max="15620" width="2.109375" style="75" customWidth="1"/>
    <col min="15621" max="15622" width="4" style="75" customWidth="1"/>
    <col min="15623" max="15623" width="13.77734375" style="75" customWidth="1"/>
    <col min="15624" max="15624" width="1.44140625" style="75" customWidth="1"/>
    <col min="15625" max="15625" width="3.44140625" style="75" customWidth="1"/>
    <col min="15626" max="15626" width="1.6640625" style="75" customWidth="1"/>
    <col min="15627" max="15627" width="72.44140625" style="75" customWidth="1"/>
    <col min="15628" max="15628" width="8.33203125" style="75" customWidth="1"/>
    <col min="15629" max="15632" width="0" style="75" hidden="1" customWidth="1"/>
    <col min="15633" max="15643" width="8.88671875" style="75"/>
    <col min="15644" max="15647" width="0" style="75" hidden="1" customWidth="1"/>
    <col min="15648" max="15655" width="10" style="75" customWidth="1"/>
    <col min="15656" max="15862" width="8.88671875" style="75"/>
    <col min="15863" max="15863" width="7.44140625" style="75" customWidth="1"/>
    <col min="15864" max="15864" width="16" style="75" customWidth="1"/>
    <col min="15865" max="15865" width="12.21875" style="75" customWidth="1"/>
    <col min="15866" max="15866" width="6.109375" style="75" customWidth="1"/>
    <col min="15867" max="15867" width="1.77734375" style="75" customWidth="1"/>
    <col min="15868" max="15868" width="7.21875" style="75" customWidth="1"/>
    <col min="15869" max="15869" width="4.109375" style="75" customWidth="1"/>
    <col min="15870" max="15870" width="5.77734375" style="75" customWidth="1"/>
    <col min="15871" max="15871" width="1.77734375" style="75" customWidth="1"/>
    <col min="15872" max="15872" width="8.88671875" style="75"/>
    <col min="15873" max="15873" width="5" style="75" customWidth="1"/>
    <col min="15874" max="15874" width="1.6640625" style="75" customWidth="1"/>
    <col min="15875" max="15875" width="3.88671875" style="75" customWidth="1"/>
    <col min="15876" max="15876" width="2.109375" style="75" customWidth="1"/>
    <col min="15877" max="15878" width="4" style="75" customWidth="1"/>
    <col min="15879" max="15879" width="13.77734375" style="75" customWidth="1"/>
    <col min="15880" max="15880" width="1.44140625" style="75" customWidth="1"/>
    <col min="15881" max="15881" width="3.44140625" style="75" customWidth="1"/>
    <col min="15882" max="15882" width="1.6640625" style="75" customWidth="1"/>
    <col min="15883" max="15883" width="72.44140625" style="75" customWidth="1"/>
    <col min="15884" max="15884" width="8.33203125" style="75" customWidth="1"/>
    <col min="15885" max="15888" width="0" style="75" hidden="1" customWidth="1"/>
    <col min="15889" max="15899" width="8.88671875" style="75"/>
    <col min="15900" max="15903" width="0" style="75" hidden="1" customWidth="1"/>
    <col min="15904" max="15911" width="10" style="75" customWidth="1"/>
    <col min="15912" max="16118" width="8.88671875" style="75"/>
    <col min="16119" max="16119" width="7.44140625" style="75" customWidth="1"/>
    <col min="16120" max="16120" width="16" style="75" customWidth="1"/>
    <col min="16121" max="16121" width="12.21875" style="75" customWidth="1"/>
    <col min="16122" max="16122" width="6.109375" style="75" customWidth="1"/>
    <col min="16123" max="16123" width="1.77734375" style="75" customWidth="1"/>
    <col min="16124" max="16124" width="7.21875" style="75" customWidth="1"/>
    <col min="16125" max="16125" width="4.109375" style="75" customWidth="1"/>
    <col min="16126" max="16126" width="5.77734375" style="75" customWidth="1"/>
    <col min="16127" max="16127" width="1.77734375" style="75" customWidth="1"/>
    <col min="16128" max="16128" width="8.88671875" style="75"/>
    <col min="16129" max="16129" width="5" style="75" customWidth="1"/>
    <col min="16130" max="16130" width="1.6640625" style="75" customWidth="1"/>
    <col min="16131" max="16131" width="3.88671875" style="75" customWidth="1"/>
    <col min="16132" max="16132" width="2.109375" style="75" customWidth="1"/>
    <col min="16133" max="16134" width="4" style="75" customWidth="1"/>
    <col min="16135" max="16135" width="13.77734375" style="75" customWidth="1"/>
    <col min="16136" max="16136" width="1.44140625" style="75" customWidth="1"/>
    <col min="16137" max="16137" width="3.44140625" style="75" customWidth="1"/>
    <col min="16138" max="16138" width="1.6640625" style="75" customWidth="1"/>
    <col min="16139" max="16139" width="72.44140625" style="75" customWidth="1"/>
    <col min="16140" max="16140" width="8.33203125" style="75" customWidth="1"/>
    <col min="16141" max="16144" width="0" style="75" hidden="1" customWidth="1"/>
    <col min="16145" max="16155" width="8.88671875" style="75"/>
    <col min="16156" max="16159" width="0" style="75" hidden="1" customWidth="1"/>
    <col min="16160" max="16167" width="10" style="75" customWidth="1"/>
    <col min="16168" max="16375" width="8.88671875" style="75"/>
    <col min="16376" max="16384" width="8.88671875" style="75" customWidth="1"/>
  </cols>
  <sheetData>
    <row r="1" spans="1:28">
      <c r="A1" s="179" t="s">
        <v>161</v>
      </c>
    </row>
    <row r="2" spans="1:28" ht="21" customHeight="1"/>
    <row r="3" spans="1:28" ht="21" customHeight="1">
      <c r="A3" s="325" t="s">
        <v>91</v>
      </c>
      <c r="B3" s="326"/>
      <c r="C3" s="326"/>
      <c r="D3" s="326"/>
      <c r="E3" s="326"/>
      <c r="F3" s="326"/>
      <c r="G3" s="326"/>
      <c r="H3" s="326"/>
      <c r="I3" s="326"/>
      <c r="J3" s="326"/>
      <c r="K3" s="326"/>
      <c r="L3" s="326"/>
      <c r="M3" s="326"/>
      <c r="N3" s="326"/>
      <c r="O3" s="326"/>
      <c r="P3" s="326"/>
      <c r="Q3" s="326"/>
      <c r="R3" s="154"/>
    </row>
    <row r="4" spans="1:28" ht="21" customHeight="1">
      <c r="A4" s="77"/>
      <c r="B4" s="78"/>
      <c r="C4" s="78"/>
      <c r="D4" s="78"/>
      <c r="E4" s="78"/>
      <c r="F4" s="78"/>
      <c r="G4" s="78"/>
      <c r="H4" s="78"/>
      <c r="I4" s="78"/>
      <c r="J4" s="78"/>
      <c r="K4" s="78"/>
      <c r="L4" s="78"/>
      <c r="M4" s="78"/>
      <c r="N4" s="78"/>
      <c r="O4" s="78"/>
      <c r="P4" s="78"/>
      <c r="Q4" s="78"/>
      <c r="R4" s="154"/>
    </row>
    <row r="5" spans="1:28" ht="21" customHeight="1"/>
    <row r="6" spans="1:28" ht="21" customHeight="1">
      <c r="L6" s="327" t="s">
        <v>183</v>
      </c>
      <c r="M6" s="328"/>
      <c r="N6" s="328"/>
      <c r="O6" s="328"/>
      <c r="P6" s="328"/>
      <c r="Q6" s="328"/>
      <c r="R6" s="150"/>
    </row>
    <row r="7" spans="1:28" ht="21" customHeight="1">
      <c r="R7" s="150"/>
    </row>
    <row r="8" spans="1:28" ht="21" customHeight="1">
      <c r="A8" s="75" t="s">
        <v>65</v>
      </c>
    </row>
    <row r="9" spans="1:28" ht="21" customHeight="1"/>
    <row r="10" spans="1:28" ht="21" customHeight="1"/>
    <row r="11" spans="1:28" ht="21" customHeight="1">
      <c r="B11" s="80" t="s">
        <v>93</v>
      </c>
      <c r="C11" s="80"/>
      <c r="E11" s="329" t="s">
        <v>94</v>
      </c>
      <c r="F11" s="329"/>
      <c r="G11" s="329"/>
      <c r="H11" s="330"/>
      <c r="I11" s="331"/>
      <c r="J11" s="331"/>
      <c r="K11" s="331"/>
      <c r="L11" s="331"/>
      <c r="M11" s="331"/>
      <c r="N11" s="331"/>
      <c r="O11" s="331"/>
      <c r="P11" s="331"/>
    </row>
    <row r="12" spans="1:28" ht="21" customHeight="1">
      <c r="B12" s="80"/>
      <c r="C12" s="80"/>
      <c r="E12" s="329" t="s">
        <v>67</v>
      </c>
      <c r="F12" s="329"/>
      <c r="G12" s="329"/>
      <c r="H12" s="330"/>
      <c r="I12" s="331"/>
      <c r="J12" s="331"/>
      <c r="K12" s="331"/>
      <c r="L12" s="331"/>
      <c r="M12" s="331"/>
      <c r="N12" s="331"/>
      <c r="O12" s="331"/>
      <c r="P12" s="331"/>
      <c r="Q12" s="81"/>
    </row>
    <row r="13" spans="1:28" ht="21" customHeight="1">
      <c r="B13" s="80"/>
      <c r="C13" s="80"/>
      <c r="E13" s="321" t="s">
        <v>97</v>
      </c>
      <c r="F13" s="321"/>
      <c r="G13" s="321"/>
      <c r="H13" s="322"/>
      <c r="I13" s="323"/>
      <c r="J13" s="323"/>
      <c r="K13" s="323"/>
      <c r="L13" s="323"/>
      <c r="M13" s="323"/>
      <c r="N13" s="323"/>
      <c r="O13" s="323"/>
      <c r="P13" s="323"/>
    </row>
    <row r="14" spans="1:28" ht="21" customHeight="1"/>
    <row r="15" spans="1:28" ht="21" customHeight="1">
      <c r="A15" s="324" t="s">
        <v>99</v>
      </c>
      <c r="B15" s="324"/>
      <c r="C15" s="324"/>
      <c r="D15" s="324"/>
      <c r="E15" s="324"/>
      <c r="F15" s="324"/>
      <c r="G15" s="324"/>
      <c r="H15" s="324"/>
      <c r="I15" s="324"/>
      <c r="J15" s="324"/>
      <c r="K15" s="324"/>
      <c r="L15" s="324"/>
      <c r="M15" s="324"/>
      <c r="N15" s="324"/>
      <c r="O15" s="324"/>
      <c r="P15" s="324"/>
      <c r="Q15" s="324"/>
    </row>
    <row r="16" spans="1:28" ht="21" customHeight="1">
      <c r="AB16" s="82"/>
    </row>
    <row r="17" spans="1:28" ht="21" customHeight="1">
      <c r="D17" s="83"/>
      <c r="E17" s="85"/>
      <c r="F17" s="85"/>
      <c r="G17" s="85"/>
      <c r="H17" s="85"/>
      <c r="I17" s="85"/>
      <c r="J17" s="85"/>
      <c r="K17" s="85"/>
      <c r="L17" s="85"/>
      <c r="M17" s="85"/>
      <c r="N17" s="85"/>
      <c r="O17" s="85"/>
      <c r="P17" s="85"/>
      <c r="Q17" s="84"/>
      <c r="AB17" s="82"/>
    </row>
    <row r="18" spans="1:28" ht="21" customHeight="1">
      <c r="A18" s="75" t="s">
        <v>104</v>
      </c>
      <c r="D18" s="83"/>
      <c r="E18" s="85"/>
      <c r="F18" s="85"/>
      <c r="G18" s="85"/>
      <c r="H18" s="85"/>
      <c r="I18" s="85"/>
      <c r="J18" s="85"/>
      <c r="K18" s="85"/>
      <c r="L18" s="85"/>
      <c r="M18" s="85"/>
      <c r="N18" s="85"/>
      <c r="O18" s="85"/>
      <c r="P18" s="85"/>
      <c r="Q18" s="84"/>
      <c r="AB18" s="82"/>
    </row>
    <row r="19" spans="1:28" ht="33.6" customHeight="1">
      <c r="B19" s="310"/>
      <c r="C19" s="310"/>
      <c r="D19" s="311" t="s">
        <v>100</v>
      </c>
      <c r="E19" s="311"/>
      <c r="F19" s="311"/>
      <c r="G19" s="311"/>
      <c r="H19" s="311"/>
      <c r="I19" s="312" t="s">
        <v>132</v>
      </c>
      <c r="J19" s="313"/>
      <c r="K19" s="313"/>
      <c r="L19" s="313"/>
      <c r="M19" s="313"/>
      <c r="N19" s="313"/>
      <c r="O19" s="313"/>
      <c r="P19" s="313"/>
      <c r="Q19" s="84"/>
      <c r="AB19" s="82"/>
    </row>
    <row r="20" spans="1:28" ht="36" customHeight="1">
      <c r="B20" s="314" t="s">
        <v>101</v>
      </c>
      <c r="C20" s="314"/>
      <c r="D20" s="315"/>
      <c r="E20" s="316"/>
      <c r="F20" s="316"/>
      <c r="G20" s="316"/>
      <c r="H20" s="317"/>
      <c r="I20" s="315"/>
      <c r="J20" s="316"/>
      <c r="K20" s="316"/>
      <c r="L20" s="316"/>
      <c r="M20" s="316"/>
      <c r="N20" s="316"/>
      <c r="O20" s="316"/>
      <c r="P20" s="317"/>
      <c r="Q20" s="84"/>
    </row>
    <row r="21" spans="1:28" ht="36" customHeight="1">
      <c r="B21" s="314" t="s">
        <v>102</v>
      </c>
      <c r="C21" s="314"/>
      <c r="D21" s="315"/>
      <c r="E21" s="316"/>
      <c r="F21" s="316"/>
      <c r="G21" s="316"/>
      <c r="H21" s="317"/>
      <c r="I21" s="315"/>
      <c r="J21" s="316"/>
      <c r="K21" s="316"/>
      <c r="L21" s="316"/>
      <c r="M21" s="316"/>
      <c r="N21" s="316"/>
      <c r="O21" s="316"/>
      <c r="P21" s="317"/>
      <c r="Q21" s="84"/>
    </row>
    <row r="22" spans="1:28" ht="21" customHeight="1">
      <c r="K22" s="318"/>
      <c r="L22" s="318"/>
      <c r="M22" s="318"/>
      <c r="N22" s="80"/>
    </row>
    <row r="23" spans="1:28" ht="21" customHeight="1">
      <c r="A23" s="75" t="s">
        <v>105</v>
      </c>
      <c r="D23" s="83"/>
      <c r="E23" s="85"/>
      <c r="F23" s="85"/>
      <c r="G23" s="85"/>
      <c r="H23" s="85"/>
      <c r="I23" s="85"/>
      <c r="J23" s="85"/>
      <c r="K23" s="85"/>
      <c r="L23" s="85"/>
      <c r="M23" s="85"/>
      <c r="N23" s="85"/>
      <c r="O23" s="85"/>
      <c r="P23" s="85"/>
      <c r="Q23" s="86"/>
      <c r="AB23" s="82"/>
    </row>
    <row r="24" spans="1:28" ht="21" customHeight="1">
      <c r="B24" s="319"/>
      <c r="C24" s="320"/>
      <c r="D24" s="320"/>
      <c r="E24" s="320"/>
      <c r="F24" s="320"/>
      <c r="G24" s="320"/>
      <c r="H24" s="320"/>
      <c r="I24" s="320"/>
      <c r="J24" s="320"/>
      <c r="K24" s="320"/>
      <c r="L24" s="320"/>
      <c r="M24" s="320"/>
      <c r="N24" s="320"/>
      <c r="O24" s="320"/>
      <c r="P24" s="320"/>
      <c r="Q24" s="84"/>
    </row>
    <row r="25" spans="1:28" ht="21" customHeight="1">
      <c r="B25" s="320"/>
      <c r="C25" s="320"/>
      <c r="D25" s="320"/>
      <c r="E25" s="320"/>
      <c r="F25" s="320"/>
      <c r="G25" s="320"/>
      <c r="H25" s="320"/>
      <c r="I25" s="320"/>
      <c r="J25" s="320"/>
      <c r="K25" s="320"/>
      <c r="L25" s="320"/>
      <c r="M25" s="320"/>
      <c r="N25" s="320"/>
      <c r="O25" s="320"/>
      <c r="P25" s="320"/>
    </row>
    <row r="26" spans="1:28" ht="21" customHeight="1">
      <c r="B26" s="320"/>
      <c r="C26" s="320"/>
      <c r="D26" s="320"/>
      <c r="E26" s="320"/>
      <c r="F26" s="320"/>
      <c r="G26" s="320"/>
      <c r="H26" s="320"/>
      <c r="I26" s="320"/>
      <c r="J26" s="320"/>
      <c r="K26" s="320"/>
      <c r="L26" s="320"/>
      <c r="M26" s="320"/>
      <c r="N26" s="320"/>
      <c r="O26" s="320"/>
      <c r="P26" s="320"/>
    </row>
    <row r="27" spans="1:28" ht="21" customHeight="1"/>
    <row r="28" spans="1:28" ht="21" customHeight="1">
      <c r="J28" s="75" t="s">
        <v>103</v>
      </c>
    </row>
    <row r="29" spans="1:28" ht="21" customHeight="1">
      <c r="J29" s="308"/>
      <c r="K29" s="309"/>
      <c r="L29" s="309"/>
      <c r="M29" s="309"/>
      <c r="N29" s="309"/>
      <c r="O29" s="309"/>
      <c r="P29" s="309"/>
    </row>
    <row r="30" spans="1:28" ht="21" customHeight="1">
      <c r="J30" s="309"/>
      <c r="K30" s="309"/>
      <c r="L30" s="309"/>
      <c r="M30" s="309"/>
      <c r="N30" s="309"/>
      <c r="O30" s="309"/>
      <c r="P30" s="309"/>
    </row>
    <row r="31" spans="1:28" ht="21" customHeight="1">
      <c r="J31" s="309"/>
      <c r="K31" s="309"/>
      <c r="L31" s="309"/>
      <c r="M31" s="309"/>
      <c r="N31" s="309"/>
      <c r="O31" s="309"/>
      <c r="P31" s="309"/>
    </row>
    <row r="32" spans="1:28" ht="21" customHeight="1">
      <c r="J32" s="309"/>
      <c r="K32" s="309"/>
      <c r="L32" s="309"/>
      <c r="M32" s="309"/>
      <c r="N32" s="309"/>
      <c r="O32" s="309"/>
      <c r="P32" s="309"/>
    </row>
    <row r="33" spans="10:16" ht="21" customHeight="1">
      <c r="J33" s="87"/>
      <c r="K33" s="87"/>
      <c r="L33" s="87"/>
      <c r="M33" s="87"/>
      <c r="N33" s="87"/>
      <c r="O33" s="87"/>
      <c r="P33" s="87"/>
    </row>
    <row r="34" spans="10:16" ht="21" customHeight="1">
      <c r="J34" s="87"/>
      <c r="K34" s="87"/>
      <c r="L34" s="87"/>
      <c r="M34" s="87"/>
      <c r="N34" s="87"/>
      <c r="O34" s="87"/>
      <c r="P34" s="87"/>
    </row>
    <row r="35" spans="10:16" ht="21" customHeight="1">
      <c r="J35" s="87"/>
      <c r="K35" s="87"/>
      <c r="L35" s="87"/>
      <c r="M35" s="87"/>
      <c r="N35" s="87"/>
      <c r="O35" s="87"/>
      <c r="P35" s="87"/>
    </row>
    <row r="36" spans="10:16" ht="21" customHeight="1">
      <c r="J36" s="87"/>
      <c r="K36" s="87"/>
      <c r="L36" s="87"/>
      <c r="M36" s="87"/>
      <c r="N36" s="87"/>
      <c r="O36" s="87"/>
      <c r="P36" s="87"/>
    </row>
    <row r="37" spans="10:16" ht="21" customHeight="1"/>
    <row r="38" spans="10:16" ht="21" customHeight="1"/>
    <row r="39" spans="10:16" ht="11.25" customHeight="1"/>
    <row r="40" spans="10:16" ht="11.25" customHeight="1"/>
    <row r="41" spans="10:16" ht="11.25" customHeight="1"/>
    <row r="42" spans="10:16" ht="11.25" customHeight="1"/>
    <row r="43" spans="10:16" ht="11.25" customHeight="1"/>
  </sheetData>
  <customSheetViews>
    <customSheetView guid="{864473BD-17CB-4242-8B82-DC63A9F91306}" showPageBreaks="1" printArea="1" hiddenColumns="1" view="pageBreakPreview">
      <selection activeCell="G7" sqref="G7"/>
      <pageMargins left="0.70866141732283472" right="0.70866141732283472" top="0.59055118110236227" bottom="0.35433070866141736" header="0.31496062992125984" footer="0.31496062992125984"/>
      <pageSetup paperSize="9" scale="92" orientation="portrait" r:id="rId1"/>
    </customSheetView>
  </customSheetViews>
  <mergeCells count="21">
    <mergeCell ref="E13:G13"/>
    <mergeCell ref="H13:P13"/>
    <mergeCell ref="A15:Q15"/>
    <mergeCell ref="A3:Q3"/>
    <mergeCell ref="L6:Q6"/>
    <mergeCell ref="E11:G11"/>
    <mergeCell ref="H11:P11"/>
    <mergeCell ref="E12:G12"/>
    <mergeCell ref="H12:P12"/>
    <mergeCell ref="J29:P32"/>
    <mergeCell ref="B19:C19"/>
    <mergeCell ref="D19:H19"/>
    <mergeCell ref="I19:P19"/>
    <mergeCell ref="B20:C20"/>
    <mergeCell ref="D20:H20"/>
    <mergeCell ref="I20:P20"/>
    <mergeCell ref="B21:C21"/>
    <mergeCell ref="D21:H21"/>
    <mergeCell ref="I21:P21"/>
    <mergeCell ref="K22:M22"/>
    <mergeCell ref="B24:P26"/>
  </mergeCells>
  <phoneticPr fontId="8"/>
  <dataValidations count="7">
    <dataValidation type="custom" imeMode="halfAlpha" allowBlank="1" showInputMessage="1" showErrorMessage="1" errorTitle="入力内容に誤りがあります" error="半角英数字で入力してください" sqref="WVG983048:WVK983050 WLK983048:WLO983050 WBO983048:WBS983050 VRS983048:VRW983050 VHW983048:VIA983050 UYA983048:UYE983050 UOE983048:UOI983050 UEI983048:UEM983050 TUM983048:TUQ983050 TKQ983048:TKU983050 TAU983048:TAY983050 SQY983048:SRC983050 SHC983048:SHG983050 RXG983048:RXK983050 RNK983048:RNO983050 RDO983048:RDS983050 QTS983048:QTW983050 QJW983048:QKA983050 QAA983048:QAE983050 PQE983048:PQI983050 PGI983048:PGM983050 OWM983048:OWQ983050 OMQ983048:OMU983050 OCU983048:OCY983050 NSY983048:NTC983050 NJC983048:NJG983050 MZG983048:MZK983050 MPK983048:MPO983050 MFO983048:MFS983050 LVS983048:LVW983050 LLW983048:LMA983050 LCA983048:LCE983050 KSE983048:KSI983050 KII983048:KIM983050 JYM983048:JYQ983050 JOQ983048:JOU983050 JEU983048:JEY983050 IUY983048:IVC983050 ILC983048:ILG983050 IBG983048:IBK983050 HRK983048:HRO983050 HHO983048:HHS983050 GXS983048:GXW983050 GNW983048:GOA983050 GEA983048:GEE983050 FUE983048:FUI983050 FKI983048:FKM983050 FAM983048:FAQ983050 EQQ983048:EQU983050 EGU983048:EGY983050 DWY983048:DXC983050 DNC983048:DNG983050 DDG983048:DDK983050 CTK983048:CTO983050 CJO983048:CJS983050 BZS983048:BZW983050 BPW983048:BQA983050 BGA983048:BGE983050 AWE983048:AWI983050 AMI983048:AMM983050 ACM983048:ACQ983050 SQ983048:SU983050 IU983048:IY983050 I983048:M983050 WVG917512:WVK917514 WLK917512:WLO917514 WBO917512:WBS917514 VRS917512:VRW917514 VHW917512:VIA917514 UYA917512:UYE917514 UOE917512:UOI917514 UEI917512:UEM917514 TUM917512:TUQ917514 TKQ917512:TKU917514 TAU917512:TAY917514 SQY917512:SRC917514 SHC917512:SHG917514 RXG917512:RXK917514 RNK917512:RNO917514 RDO917512:RDS917514 QTS917512:QTW917514 QJW917512:QKA917514 QAA917512:QAE917514 PQE917512:PQI917514 PGI917512:PGM917514 OWM917512:OWQ917514 OMQ917512:OMU917514 OCU917512:OCY917514 NSY917512:NTC917514 NJC917512:NJG917514 MZG917512:MZK917514 MPK917512:MPO917514 MFO917512:MFS917514 LVS917512:LVW917514 LLW917512:LMA917514 LCA917512:LCE917514 KSE917512:KSI917514 KII917512:KIM917514 JYM917512:JYQ917514 JOQ917512:JOU917514 JEU917512:JEY917514 IUY917512:IVC917514 ILC917512:ILG917514 IBG917512:IBK917514 HRK917512:HRO917514 HHO917512:HHS917514 GXS917512:GXW917514 GNW917512:GOA917514 GEA917512:GEE917514 FUE917512:FUI917514 FKI917512:FKM917514 FAM917512:FAQ917514 EQQ917512:EQU917514 EGU917512:EGY917514 DWY917512:DXC917514 DNC917512:DNG917514 DDG917512:DDK917514 CTK917512:CTO917514 CJO917512:CJS917514 BZS917512:BZW917514 BPW917512:BQA917514 BGA917512:BGE917514 AWE917512:AWI917514 AMI917512:AMM917514 ACM917512:ACQ917514 SQ917512:SU917514 IU917512:IY917514 I917512:M917514 WVG851976:WVK851978 WLK851976:WLO851978 WBO851976:WBS851978 VRS851976:VRW851978 VHW851976:VIA851978 UYA851976:UYE851978 UOE851976:UOI851978 UEI851976:UEM851978 TUM851976:TUQ851978 TKQ851976:TKU851978 TAU851976:TAY851978 SQY851976:SRC851978 SHC851976:SHG851978 RXG851976:RXK851978 RNK851976:RNO851978 RDO851976:RDS851978 QTS851976:QTW851978 QJW851976:QKA851978 QAA851976:QAE851978 PQE851976:PQI851978 PGI851976:PGM851978 OWM851976:OWQ851978 OMQ851976:OMU851978 OCU851976:OCY851978 NSY851976:NTC851978 NJC851976:NJG851978 MZG851976:MZK851978 MPK851976:MPO851978 MFO851976:MFS851978 LVS851976:LVW851978 LLW851976:LMA851978 LCA851976:LCE851978 KSE851976:KSI851978 KII851976:KIM851978 JYM851976:JYQ851978 JOQ851976:JOU851978 JEU851976:JEY851978 IUY851976:IVC851978 ILC851976:ILG851978 IBG851976:IBK851978 HRK851976:HRO851978 HHO851976:HHS851978 GXS851976:GXW851978 GNW851976:GOA851978 GEA851976:GEE851978 FUE851976:FUI851978 FKI851976:FKM851978 FAM851976:FAQ851978 EQQ851976:EQU851978 EGU851976:EGY851978 DWY851976:DXC851978 DNC851976:DNG851978 DDG851976:DDK851978 CTK851976:CTO851978 CJO851976:CJS851978 BZS851976:BZW851978 BPW851976:BQA851978 BGA851976:BGE851978 AWE851976:AWI851978 AMI851976:AMM851978 ACM851976:ACQ851978 SQ851976:SU851978 IU851976:IY851978 I851976:M851978 WVG786440:WVK786442 WLK786440:WLO786442 WBO786440:WBS786442 VRS786440:VRW786442 VHW786440:VIA786442 UYA786440:UYE786442 UOE786440:UOI786442 UEI786440:UEM786442 TUM786440:TUQ786442 TKQ786440:TKU786442 TAU786440:TAY786442 SQY786440:SRC786442 SHC786440:SHG786442 RXG786440:RXK786442 RNK786440:RNO786442 RDO786440:RDS786442 QTS786440:QTW786442 QJW786440:QKA786442 QAA786440:QAE786442 PQE786440:PQI786442 PGI786440:PGM786442 OWM786440:OWQ786442 OMQ786440:OMU786442 OCU786440:OCY786442 NSY786440:NTC786442 NJC786440:NJG786442 MZG786440:MZK786442 MPK786440:MPO786442 MFO786440:MFS786442 LVS786440:LVW786442 LLW786440:LMA786442 LCA786440:LCE786442 KSE786440:KSI786442 KII786440:KIM786442 JYM786440:JYQ786442 JOQ786440:JOU786442 JEU786440:JEY786442 IUY786440:IVC786442 ILC786440:ILG786442 IBG786440:IBK786442 HRK786440:HRO786442 HHO786440:HHS786442 GXS786440:GXW786442 GNW786440:GOA786442 GEA786440:GEE786442 FUE786440:FUI786442 FKI786440:FKM786442 FAM786440:FAQ786442 EQQ786440:EQU786442 EGU786440:EGY786442 DWY786440:DXC786442 DNC786440:DNG786442 DDG786440:DDK786442 CTK786440:CTO786442 CJO786440:CJS786442 BZS786440:BZW786442 BPW786440:BQA786442 BGA786440:BGE786442 AWE786440:AWI786442 AMI786440:AMM786442 ACM786440:ACQ786442 SQ786440:SU786442 IU786440:IY786442 I786440:M786442 WVG720904:WVK720906 WLK720904:WLO720906 WBO720904:WBS720906 VRS720904:VRW720906 VHW720904:VIA720906 UYA720904:UYE720906 UOE720904:UOI720906 UEI720904:UEM720906 TUM720904:TUQ720906 TKQ720904:TKU720906 TAU720904:TAY720906 SQY720904:SRC720906 SHC720904:SHG720906 RXG720904:RXK720906 RNK720904:RNO720906 RDO720904:RDS720906 QTS720904:QTW720906 QJW720904:QKA720906 QAA720904:QAE720906 PQE720904:PQI720906 PGI720904:PGM720906 OWM720904:OWQ720906 OMQ720904:OMU720906 OCU720904:OCY720906 NSY720904:NTC720906 NJC720904:NJG720906 MZG720904:MZK720906 MPK720904:MPO720906 MFO720904:MFS720906 LVS720904:LVW720906 LLW720904:LMA720906 LCA720904:LCE720906 KSE720904:KSI720906 KII720904:KIM720906 JYM720904:JYQ720906 JOQ720904:JOU720906 JEU720904:JEY720906 IUY720904:IVC720906 ILC720904:ILG720906 IBG720904:IBK720906 HRK720904:HRO720906 HHO720904:HHS720906 GXS720904:GXW720906 GNW720904:GOA720906 GEA720904:GEE720906 FUE720904:FUI720906 FKI720904:FKM720906 FAM720904:FAQ720906 EQQ720904:EQU720906 EGU720904:EGY720906 DWY720904:DXC720906 DNC720904:DNG720906 DDG720904:DDK720906 CTK720904:CTO720906 CJO720904:CJS720906 BZS720904:BZW720906 BPW720904:BQA720906 BGA720904:BGE720906 AWE720904:AWI720906 AMI720904:AMM720906 ACM720904:ACQ720906 SQ720904:SU720906 IU720904:IY720906 I720904:M720906 WVG655368:WVK655370 WLK655368:WLO655370 WBO655368:WBS655370 VRS655368:VRW655370 VHW655368:VIA655370 UYA655368:UYE655370 UOE655368:UOI655370 UEI655368:UEM655370 TUM655368:TUQ655370 TKQ655368:TKU655370 TAU655368:TAY655370 SQY655368:SRC655370 SHC655368:SHG655370 RXG655368:RXK655370 RNK655368:RNO655370 RDO655368:RDS655370 QTS655368:QTW655370 QJW655368:QKA655370 QAA655368:QAE655370 PQE655368:PQI655370 PGI655368:PGM655370 OWM655368:OWQ655370 OMQ655368:OMU655370 OCU655368:OCY655370 NSY655368:NTC655370 NJC655368:NJG655370 MZG655368:MZK655370 MPK655368:MPO655370 MFO655368:MFS655370 LVS655368:LVW655370 LLW655368:LMA655370 LCA655368:LCE655370 KSE655368:KSI655370 KII655368:KIM655370 JYM655368:JYQ655370 JOQ655368:JOU655370 JEU655368:JEY655370 IUY655368:IVC655370 ILC655368:ILG655370 IBG655368:IBK655370 HRK655368:HRO655370 HHO655368:HHS655370 GXS655368:GXW655370 GNW655368:GOA655370 GEA655368:GEE655370 FUE655368:FUI655370 FKI655368:FKM655370 FAM655368:FAQ655370 EQQ655368:EQU655370 EGU655368:EGY655370 DWY655368:DXC655370 DNC655368:DNG655370 DDG655368:DDK655370 CTK655368:CTO655370 CJO655368:CJS655370 BZS655368:BZW655370 BPW655368:BQA655370 BGA655368:BGE655370 AWE655368:AWI655370 AMI655368:AMM655370 ACM655368:ACQ655370 SQ655368:SU655370 IU655368:IY655370 I655368:M655370 WVG589832:WVK589834 WLK589832:WLO589834 WBO589832:WBS589834 VRS589832:VRW589834 VHW589832:VIA589834 UYA589832:UYE589834 UOE589832:UOI589834 UEI589832:UEM589834 TUM589832:TUQ589834 TKQ589832:TKU589834 TAU589832:TAY589834 SQY589832:SRC589834 SHC589832:SHG589834 RXG589832:RXK589834 RNK589832:RNO589834 RDO589832:RDS589834 QTS589832:QTW589834 QJW589832:QKA589834 QAA589832:QAE589834 PQE589832:PQI589834 PGI589832:PGM589834 OWM589832:OWQ589834 OMQ589832:OMU589834 OCU589832:OCY589834 NSY589832:NTC589834 NJC589832:NJG589834 MZG589832:MZK589834 MPK589832:MPO589834 MFO589832:MFS589834 LVS589832:LVW589834 LLW589832:LMA589834 LCA589832:LCE589834 KSE589832:KSI589834 KII589832:KIM589834 JYM589832:JYQ589834 JOQ589832:JOU589834 JEU589832:JEY589834 IUY589832:IVC589834 ILC589832:ILG589834 IBG589832:IBK589834 HRK589832:HRO589834 HHO589832:HHS589834 GXS589832:GXW589834 GNW589832:GOA589834 GEA589832:GEE589834 FUE589832:FUI589834 FKI589832:FKM589834 FAM589832:FAQ589834 EQQ589832:EQU589834 EGU589832:EGY589834 DWY589832:DXC589834 DNC589832:DNG589834 DDG589832:DDK589834 CTK589832:CTO589834 CJO589832:CJS589834 BZS589832:BZW589834 BPW589832:BQA589834 BGA589832:BGE589834 AWE589832:AWI589834 AMI589832:AMM589834 ACM589832:ACQ589834 SQ589832:SU589834 IU589832:IY589834 I589832:M589834 WVG524296:WVK524298 WLK524296:WLO524298 WBO524296:WBS524298 VRS524296:VRW524298 VHW524296:VIA524298 UYA524296:UYE524298 UOE524296:UOI524298 UEI524296:UEM524298 TUM524296:TUQ524298 TKQ524296:TKU524298 TAU524296:TAY524298 SQY524296:SRC524298 SHC524296:SHG524298 RXG524296:RXK524298 RNK524296:RNO524298 RDO524296:RDS524298 QTS524296:QTW524298 QJW524296:QKA524298 QAA524296:QAE524298 PQE524296:PQI524298 PGI524296:PGM524298 OWM524296:OWQ524298 OMQ524296:OMU524298 OCU524296:OCY524298 NSY524296:NTC524298 NJC524296:NJG524298 MZG524296:MZK524298 MPK524296:MPO524298 MFO524296:MFS524298 LVS524296:LVW524298 LLW524296:LMA524298 LCA524296:LCE524298 KSE524296:KSI524298 KII524296:KIM524298 JYM524296:JYQ524298 JOQ524296:JOU524298 JEU524296:JEY524298 IUY524296:IVC524298 ILC524296:ILG524298 IBG524296:IBK524298 HRK524296:HRO524298 HHO524296:HHS524298 GXS524296:GXW524298 GNW524296:GOA524298 GEA524296:GEE524298 FUE524296:FUI524298 FKI524296:FKM524298 FAM524296:FAQ524298 EQQ524296:EQU524298 EGU524296:EGY524298 DWY524296:DXC524298 DNC524296:DNG524298 DDG524296:DDK524298 CTK524296:CTO524298 CJO524296:CJS524298 BZS524296:BZW524298 BPW524296:BQA524298 BGA524296:BGE524298 AWE524296:AWI524298 AMI524296:AMM524298 ACM524296:ACQ524298 SQ524296:SU524298 IU524296:IY524298 I524296:M524298 WVG458760:WVK458762 WLK458760:WLO458762 WBO458760:WBS458762 VRS458760:VRW458762 VHW458760:VIA458762 UYA458760:UYE458762 UOE458760:UOI458762 UEI458760:UEM458762 TUM458760:TUQ458762 TKQ458760:TKU458762 TAU458760:TAY458762 SQY458760:SRC458762 SHC458760:SHG458762 RXG458760:RXK458762 RNK458760:RNO458762 RDO458760:RDS458762 QTS458760:QTW458762 QJW458760:QKA458762 QAA458760:QAE458762 PQE458760:PQI458762 PGI458760:PGM458762 OWM458760:OWQ458762 OMQ458760:OMU458762 OCU458760:OCY458762 NSY458760:NTC458762 NJC458760:NJG458762 MZG458760:MZK458762 MPK458760:MPO458762 MFO458760:MFS458762 LVS458760:LVW458762 LLW458760:LMA458762 LCA458760:LCE458762 KSE458760:KSI458762 KII458760:KIM458762 JYM458760:JYQ458762 JOQ458760:JOU458762 JEU458760:JEY458762 IUY458760:IVC458762 ILC458760:ILG458762 IBG458760:IBK458762 HRK458760:HRO458762 HHO458760:HHS458762 GXS458760:GXW458762 GNW458760:GOA458762 GEA458760:GEE458762 FUE458760:FUI458762 FKI458760:FKM458762 FAM458760:FAQ458762 EQQ458760:EQU458762 EGU458760:EGY458762 DWY458760:DXC458762 DNC458760:DNG458762 DDG458760:DDK458762 CTK458760:CTO458762 CJO458760:CJS458762 BZS458760:BZW458762 BPW458760:BQA458762 BGA458760:BGE458762 AWE458760:AWI458762 AMI458760:AMM458762 ACM458760:ACQ458762 SQ458760:SU458762 IU458760:IY458762 I458760:M458762 WVG393224:WVK393226 WLK393224:WLO393226 WBO393224:WBS393226 VRS393224:VRW393226 VHW393224:VIA393226 UYA393224:UYE393226 UOE393224:UOI393226 UEI393224:UEM393226 TUM393224:TUQ393226 TKQ393224:TKU393226 TAU393224:TAY393226 SQY393224:SRC393226 SHC393224:SHG393226 RXG393224:RXK393226 RNK393224:RNO393226 RDO393224:RDS393226 QTS393224:QTW393226 QJW393224:QKA393226 QAA393224:QAE393226 PQE393224:PQI393226 PGI393224:PGM393226 OWM393224:OWQ393226 OMQ393224:OMU393226 OCU393224:OCY393226 NSY393224:NTC393226 NJC393224:NJG393226 MZG393224:MZK393226 MPK393224:MPO393226 MFO393224:MFS393226 LVS393224:LVW393226 LLW393224:LMA393226 LCA393224:LCE393226 KSE393224:KSI393226 KII393224:KIM393226 JYM393224:JYQ393226 JOQ393224:JOU393226 JEU393224:JEY393226 IUY393224:IVC393226 ILC393224:ILG393226 IBG393224:IBK393226 HRK393224:HRO393226 HHO393224:HHS393226 GXS393224:GXW393226 GNW393224:GOA393226 GEA393224:GEE393226 FUE393224:FUI393226 FKI393224:FKM393226 FAM393224:FAQ393226 EQQ393224:EQU393226 EGU393224:EGY393226 DWY393224:DXC393226 DNC393224:DNG393226 DDG393224:DDK393226 CTK393224:CTO393226 CJO393224:CJS393226 BZS393224:BZW393226 BPW393224:BQA393226 BGA393224:BGE393226 AWE393224:AWI393226 AMI393224:AMM393226 ACM393224:ACQ393226 SQ393224:SU393226 IU393224:IY393226 I393224:M393226 WVG327688:WVK327690 WLK327688:WLO327690 WBO327688:WBS327690 VRS327688:VRW327690 VHW327688:VIA327690 UYA327688:UYE327690 UOE327688:UOI327690 UEI327688:UEM327690 TUM327688:TUQ327690 TKQ327688:TKU327690 TAU327688:TAY327690 SQY327688:SRC327690 SHC327688:SHG327690 RXG327688:RXK327690 RNK327688:RNO327690 RDO327688:RDS327690 QTS327688:QTW327690 QJW327688:QKA327690 QAA327688:QAE327690 PQE327688:PQI327690 PGI327688:PGM327690 OWM327688:OWQ327690 OMQ327688:OMU327690 OCU327688:OCY327690 NSY327688:NTC327690 NJC327688:NJG327690 MZG327688:MZK327690 MPK327688:MPO327690 MFO327688:MFS327690 LVS327688:LVW327690 LLW327688:LMA327690 LCA327688:LCE327690 KSE327688:KSI327690 KII327688:KIM327690 JYM327688:JYQ327690 JOQ327688:JOU327690 JEU327688:JEY327690 IUY327688:IVC327690 ILC327688:ILG327690 IBG327688:IBK327690 HRK327688:HRO327690 HHO327688:HHS327690 GXS327688:GXW327690 GNW327688:GOA327690 GEA327688:GEE327690 FUE327688:FUI327690 FKI327688:FKM327690 FAM327688:FAQ327690 EQQ327688:EQU327690 EGU327688:EGY327690 DWY327688:DXC327690 DNC327688:DNG327690 DDG327688:DDK327690 CTK327688:CTO327690 CJO327688:CJS327690 BZS327688:BZW327690 BPW327688:BQA327690 BGA327688:BGE327690 AWE327688:AWI327690 AMI327688:AMM327690 ACM327688:ACQ327690 SQ327688:SU327690 IU327688:IY327690 I327688:M327690 WVG262152:WVK262154 WLK262152:WLO262154 WBO262152:WBS262154 VRS262152:VRW262154 VHW262152:VIA262154 UYA262152:UYE262154 UOE262152:UOI262154 UEI262152:UEM262154 TUM262152:TUQ262154 TKQ262152:TKU262154 TAU262152:TAY262154 SQY262152:SRC262154 SHC262152:SHG262154 RXG262152:RXK262154 RNK262152:RNO262154 RDO262152:RDS262154 QTS262152:QTW262154 QJW262152:QKA262154 QAA262152:QAE262154 PQE262152:PQI262154 PGI262152:PGM262154 OWM262152:OWQ262154 OMQ262152:OMU262154 OCU262152:OCY262154 NSY262152:NTC262154 NJC262152:NJG262154 MZG262152:MZK262154 MPK262152:MPO262154 MFO262152:MFS262154 LVS262152:LVW262154 LLW262152:LMA262154 LCA262152:LCE262154 KSE262152:KSI262154 KII262152:KIM262154 JYM262152:JYQ262154 JOQ262152:JOU262154 JEU262152:JEY262154 IUY262152:IVC262154 ILC262152:ILG262154 IBG262152:IBK262154 HRK262152:HRO262154 HHO262152:HHS262154 GXS262152:GXW262154 GNW262152:GOA262154 GEA262152:GEE262154 FUE262152:FUI262154 FKI262152:FKM262154 FAM262152:FAQ262154 EQQ262152:EQU262154 EGU262152:EGY262154 DWY262152:DXC262154 DNC262152:DNG262154 DDG262152:DDK262154 CTK262152:CTO262154 CJO262152:CJS262154 BZS262152:BZW262154 BPW262152:BQA262154 BGA262152:BGE262154 AWE262152:AWI262154 AMI262152:AMM262154 ACM262152:ACQ262154 SQ262152:SU262154 IU262152:IY262154 I262152:M262154 WVG196616:WVK196618 WLK196616:WLO196618 WBO196616:WBS196618 VRS196616:VRW196618 VHW196616:VIA196618 UYA196616:UYE196618 UOE196616:UOI196618 UEI196616:UEM196618 TUM196616:TUQ196618 TKQ196616:TKU196618 TAU196616:TAY196618 SQY196616:SRC196618 SHC196616:SHG196618 RXG196616:RXK196618 RNK196616:RNO196618 RDO196616:RDS196618 QTS196616:QTW196618 QJW196616:QKA196618 QAA196616:QAE196618 PQE196616:PQI196618 PGI196616:PGM196618 OWM196616:OWQ196618 OMQ196616:OMU196618 OCU196616:OCY196618 NSY196616:NTC196618 NJC196616:NJG196618 MZG196616:MZK196618 MPK196616:MPO196618 MFO196616:MFS196618 LVS196616:LVW196618 LLW196616:LMA196618 LCA196616:LCE196618 KSE196616:KSI196618 KII196616:KIM196618 JYM196616:JYQ196618 JOQ196616:JOU196618 JEU196616:JEY196618 IUY196616:IVC196618 ILC196616:ILG196618 IBG196616:IBK196618 HRK196616:HRO196618 HHO196616:HHS196618 GXS196616:GXW196618 GNW196616:GOA196618 GEA196616:GEE196618 FUE196616:FUI196618 FKI196616:FKM196618 FAM196616:FAQ196618 EQQ196616:EQU196618 EGU196616:EGY196618 DWY196616:DXC196618 DNC196616:DNG196618 DDG196616:DDK196618 CTK196616:CTO196618 CJO196616:CJS196618 BZS196616:BZW196618 BPW196616:BQA196618 BGA196616:BGE196618 AWE196616:AWI196618 AMI196616:AMM196618 ACM196616:ACQ196618 SQ196616:SU196618 IU196616:IY196618 I196616:M196618 WVG131080:WVK131082 WLK131080:WLO131082 WBO131080:WBS131082 VRS131080:VRW131082 VHW131080:VIA131082 UYA131080:UYE131082 UOE131080:UOI131082 UEI131080:UEM131082 TUM131080:TUQ131082 TKQ131080:TKU131082 TAU131080:TAY131082 SQY131080:SRC131082 SHC131080:SHG131082 RXG131080:RXK131082 RNK131080:RNO131082 RDO131080:RDS131082 QTS131080:QTW131082 QJW131080:QKA131082 QAA131080:QAE131082 PQE131080:PQI131082 PGI131080:PGM131082 OWM131080:OWQ131082 OMQ131080:OMU131082 OCU131080:OCY131082 NSY131080:NTC131082 NJC131080:NJG131082 MZG131080:MZK131082 MPK131080:MPO131082 MFO131080:MFS131082 LVS131080:LVW131082 LLW131080:LMA131082 LCA131080:LCE131082 KSE131080:KSI131082 KII131080:KIM131082 JYM131080:JYQ131082 JOQ131080:JOU131082 JEU131080:JEY131082 IUY131080:IVC131082 ILC131080:ILG131082 IBG131080:IBK131082 HRK131080:HRO131082 HHO131080:HHS131082 GXS131080:GXW131082 GNW131080:GOA131082 GEA131080:GEE131082 FUE131080:FUI131082 FKI131080:FKM131082 FAM131080:FAQ131082 EQQ131080:EQU131082 EGU131080:EGY131082 DWY131080:DXC131082 DNC131080:DNG131082 DDG131080:DDK131082 CTK131080:CTO131082 CJO131080:CJS131082 BZS131080:BZW131082 BPW131080:BQA131082 BGA131080:BGE131082 AWE131080:AWI131082 AMI131080:AMM131082 ACM131080:ACQ131082 SQ131080:SU131082 IU131080:IY131082 I131080:M131082 WVG65544:WVK65546 WLK65544:WLO65546 WBO65544:WBS65546 VRS65544:VRW65546 VHW65544:VIA65546 UYA65544:UYE65546 UOE65544:UOI65546 UEI65544:UEM65546 TUM65544:TUQ65546 TKQ65544:TKU65546 TAU65544:TAY65546 SQY65544:SRC65546 SHC65544:SHG65546 RXG65544:RXK65546 RNK65544:RNO65546 RDO65544:RDS65546 QTS65544:QTW65546 QJW65544:QKA65546 QAA65544:QAE65546 PQE65544:PQI65546 PGI65544:PGM65546 OWM65544:OWQ65546 OMQ65544:OMU65546 OCU65544:OCY65546 NSY65544:NTC65546 NJC65544:NJG65546 MZG65544:MZK65546 MPK65544:MPO65546 MFO65544:MFS65546 LVS65544:LVW65546 LLW65544:LMA65546 LCA65544:LCE65546 KSE65544:KSI65546 KII65544:KIM65546 JYM65544:JYQ65546 JOQ65544:JOU65546 JEU65544:JEY65546 IUY65544:IVC65546 ILC65544:ILG65546 IBG65544:IBK65546 HRK65544:HRO65546 HHO65544:HHS65546 GXS65544:GXW65546 GNW65544:GOA65546 GEA65544:GEE65546 FUE65544:FUI65546 FKI65544:FKM65546 FAM65544:FAQ65546 EQQ65544:EQU65546 EGU65544:EGY65546 DWY65544:DXC65546 DNC65544:DNG65546 DDG65544:DDK65546 CTK65544:CTO65546 CJO65544:CJS65546 BZS65544:BZW65546 BPW65544:BQA65546 BGA65544:BGE65546 AWE65544:AWI65546 AMI65544:AMM65546 ACM65544:ACQ65546 SQ65544:SU65546 IU65544:IY65546 I65544:M65546 WVG983043:WVG983045 WLK983043:WLK983045 WBO983043:WBO983045 VRS983043:VRS983045 VHW983043:VHW983045 UYA983043:UYA983045 UOE983043:UOE983045 UEI983043:UEI983045 TUM983043:TUM983045 TKQ983043:TKQ983045 TAU983043:TAU983045 SQY983043:SQY983045 SHC983043:SHC983045 RXG983043:RXG983045 RNK983043:RNK983045 RDO983043:RDO983045 QTS983043:QTS983045 QJW983043:QJW983045 QAA983043:QAA983045 PQE983043:PQE983045 PGI983043:PGI983045 OWM983043:OWM983045 OMQ983043:OMQ983045 OCU983043:OCU983045 NSY983043:NSY983045 NJC983043:NJC983045 MZG983043:MZG983045 MPK983043:MPK983045 MFO983043:MFO983045 LVS983043:LVS983045 LLW983043:LLW983045 LCA983043:LCA983045 KSE983043:KSE983045 KII983043:KII983045 JYM983043:JYM983045 JOQ983043:JOQ983045 JEU983043:JEU983045 IUY983043:IUY983045 ILC983043:ILC983045 IBG983043:IBG983045 HRK983043:HRK983045 HHO983043:HHO983045 GXS983043:GXS983045 GNW983043:GNW983045 GEA983043:GEA983045 FUE983043:FUE983045 FKI983043:FKI983045 FAM983043:FAM983045 EQQ983043:EQQ983045 EGU983043:EGU983045 DWY983043:DWY983045 DNC983043:DNC983045 DDG983043:DDG983045 CTK983043:CTK983045 CJO983043:CJO983045 BZS983043:BZS983045 BPW983043:BPW983045 BGA983043:BGA983045 AWE983043:AWE983045 AMI983043:AMI983045 ACM983043:ACM983045 SQ983043:SQ983045 IU983043:IU983045 I983043:I983045 WVG917507:WVG917509 WLK917507:WLK917509 WBO917507:WBO917509 VRS917507:VRS917509 VHW917507:VHW917509 UYA917507:UYA917509 UOE917507:UOE917509 UEI917507:UEI917509 TUM917507:TUM917509 TKQ917507:TKQ917509 TAU917507:TAU917509 SQY917507:SQY917509 SHC917507:SHC917509 RXG917507:RXG917509 RNK917507:RNK917509 RDO917507:RDO917509 QTS917507:QTS917509 QJW917507:QJW917509 QAA917507:QAA917509 PQE917507:PQE917509 PGI917507:PGI917509 OWM917507:OWM917509 OMQ917507:OMQ917509 OCU917507:OCU917509 NSY917507:NSY917509 NJC917507:NJC917509 MZG917507:MZG917509 MPK917507:MPK917509 MFO917507:MFO917509 LVS917507:LVS917509 LLW917507:LLW917509 LCA917507:LCA917509 KSE917507:KSE917509 KII917507:KII917509 JYM917507:JYM917509 JOQ917507:JOQ917509 JEU917507:JEU917509 IUY917507:IUY917509 ILC917507:ILC917509 IBG917507:IBG917509 HRK917507:HRK917509 HHO917507:HHO917509 GXS917507:GXS917509 GNW917507:GNW917509 GEA917507:GEA917509 FUE917507:FUE917509 FKI917507:FKI917509 FAM917507:FAM917509 EQQ917507:EQQ917509 EGU917507:EGU917509 DWY917507:DWY917509 DNC917507:DNC917509 DDG917507:DDG917509 CTK917507:CTK917509 CJO917507:CJO917509 BZS917507:BZS917509 BPW917507:BPW917509 BGA917507:BGA917509 AWE917507:AWE917509 AMI917507:AMI917509 ACM917507:ACM917509 SQ917507:SQ917509 IU917507:IU917509 I917507:I917509 WVG851971:WVG851973 WLK851971:WLK851973 WBO851971:WBO851973 VRS851971:VRS851973 VHW851971:VHW851973 UYA851971:UYA851973 UOE851971:UOE851973 UEI851971:UEI851973 TUM851971:TUM851973 TKQ851971:TKQ851973 TAU851971:TAU851973 SQY851971:SQY851973 SHC851971:SHC851973 RXG851971:RXG851973 RNK851971:RNK851973 RDO851971:RDO851973 QTS851971:QTS851973 QJW851971:QJW851973 QAA851971:QAA851973 PQE851971:PQE851973 PGI851971:PGI851973 OWM851971:OWM851973 OMQ851971:OMQ851973 OCU851971:OCU851973 NSY851971:NSY851973 NJC851971:NJC851973 MZG851971:MZG851973 MPK851971:MPK851973 MFO851971:MFO851973 LVS851971:LVS851973 LLW851971:LLW851973 LCA851971:LCA851973 KSE851971:KSE851973 KII851971:KII851973 JYM851971:JYM851973 JOQ851971:JOQ851973 JEU851971:JEU851973 IUY851971:IUY851973 ILC851971:ILC851973 IBG851971:IBG851973 HRK851971:HRK851973 HHO851971:HHO851973 GXS851971:GXS851973 GNW851971:GNW851973 GEA851971:GEA851973 FUE851971:FUE851973 FKI851971:FKI851973 FAM851971:FAM851973 EQQ851971:EQQ851973 EGU851971:EGU851973 DWY851971:DWY851973 DNC851971:DNC851973 DDG851971:DDG851973 CTK851971:CTK851973 CJO851971:CJO851973 BZS851971:BZS851973 BPW851971:BPW851973 BGA851971:BGA851973 AWE851971:AWE851973 AMI851971:AMI851973 ACM851971:ACM851973 SQ851971:SQ851973 IU851971:IU851973 I851971:I851973 WVG786435:WVG786437 WLK786435:WLK786437 WBO786435:WBO786437 VRS786435:VRS786437 VHW786435:VHW786437 UYA786435:UYA786437 UOE786435:UOE786437 UEI786435:UEI786437 TUM786435:TUM786437 TKQ786435:TKQ786437 TAU786435:TAU786437 SQY786435:SQY786437 SHC786435:SHC786437 RXG786435:RXG786437 RNK786435:RNK786437 RDO786435:RDO786437 QTS786435:QTS786437 QJW786435:QJW786437 QAA786435:QAA786437 PQE786435:PQE786437 PGI786435:PGI786437 OWM786435:OWM786437 OMQ786435:OMQ786437 OCU786435:OCU786437 NSY786435:NSY786437 NJC786435:NJC786437 MZG786435:MZG786437 MPK786435:MPK786437 MFO786435:MFO786437 LVS786435:LVS786437 LLW786435:LLW786437 LCA786435:LCA786437 KSE786435:KSE786437 KII786435:KII786437 JYM786435:JYM786437 JOQ786435:JOQ786437 JEU786435:JEU786437 IUY786435:IUY786437 ILC786435:ILC786437 IBG786435:IBG786437 HRK786435:HRK786437 HHO786435:HHO786437 GXS786435:GXS786437 GNW786435:GNW786437 GEA786435:GEA786437 FUE786435:FUE786437 FKI786435:FKI786437 FAM786435:FAM786437 EQQ786435:EQQ786437 EGU786435:EGU786437 DWY786435:DWY786437 DNC786435:DNC786437 DDG786435:DDG786437 CTK786435:CTK786437 CJO786435:CJO786437 BZS786435:BZS786437 BPW786435:BPW786437 BGA786435:BGA786437 AWE786435:AWE786437 AMI786435:AMI786437 ACM786435:ACM786437 SQ786435:SQ786437 IU786435:IU786437 I786435:I786437 WVG720899:WVG720901 WLK720899:WLK720901 WBO720899:WBO720901 VRS720899:VRS720901 VHW720899:VHW720901 UYA720899:UYA720901 UOE720899:UOE720901 UEI720899:UEI720901 TUM720899:TUM720901 TKQ720899:TKQ720901 TAU720899:TAU720901 SQY720899:SQY720901 SHC720899:SHC720901 RXG720899:RXG720901 RNK720899:RNK720901 RDO720899:RDO720901 QTS720899:QTS720901 QJW720899:QJW720901 QAA720899:QAA720901 PQE720899:PQE720901 PGI720899:PGI720901 OWM720899:OWM720901 OMQ720899:OMQ720901 OCU720899:OCU720901 NSY720899:NSY720901 NJC720899:NJC720901 MZG720899:MZG720901 MPK720899:MPK720901 MFO720899:MFO720901 LVS720899:LVS720901 LLW720899:LLW720901 LCA720899:LCA720901 KSE720899:KSE720901 KII720899:KII720901 JYM720899:JYM720901 JOQ720899:JOQ720901 JEU720899:JEU720901 IUY720899:IUY720901 ILC720899:ILC720901 IBG720899:IBG720901 HRK720899:HRK720901 HHO720899:HHO720901 GXS720899:GXS720901 GNW720899:GNW720901 GEA720899:GEA720901 FUE720899:FUE720901 FKI720899:FKI720901 FAM720899:FAM720901 EQQ720899:EQQ720901 EGU720899:EGU720901 DWY720899:DWY720901 DNC720899:DNC720901 DDG720899:DDG720901 CTK720899:CTK720901 CJO720899:CJO720901 BZS720899:BZS720901 BPW720899:BPW720901 BGA720899:BGA720901 AWE720899:AWE720901 AMI720899:AMI720901 ACM720899:ACM720901 SQ720899:SQ720901 IU720899:IU720901 I720899:I720901 WVG655363:WVG655365 WLK655363:WLK655365 WBO655363:WBO655365 VRS655363:VRS655365 VHW655363:VHW655365 UYA655363:UYA655365 UOE655363:UOE655365 UEI655363:UEI655365 TUM655363:TUM655365 TKQ655363:TKQ655365 TAU655363:TAU655365 SQY655363:SQY655365 SHC655363:SHC655365 RXG655363:RXG655365 RNK655363:RNK655365 RDO655363:RDO655365 QTS655363:QTS655365 QJW655363:QJW655365 QAA655363:QAA655365 PQE655363:PQE655365 PGI655363:PGI655365 OWM655363:OWM655365 OMQ655363:OMQ655365 OCU655363:OCU655365 NSY655363:NSY655365 NJC655363:NJC655365 MZG655363:MZG655365 MPK655363:MPK655365 MFO655363:MFO655365 LVS655363:LVS655365 LLW655363:LLW655365 LCA655363:LCA655365 KSE655363:KSE655365 KII655363:KII655365 JYM655363:JYM655365 JOQ655363:JOQ655365 JEU655363:JEU655365 IUY655363:IUY655365 ILC655363:ILC655365 IBG655363:IBG655365 HRK655363:HRK655365 HHO655363:HHO655365 GXS655363:GXS655365 GNW655363:GNW655365 GEA655363:GEA655365 FUE655363:FUE655365 FKI655363:FKI655365 FAM655363:FAM655365 EQQ655363:EQQ655365 EGU655363:EGU655365 DWY655363:DWY655365 DNC655363:DNC655365 DDG655363:DDG655365 CTK655363:CTK655365 CJO655363:CJO655365 BZS655363:BZS655365 BPW655363:BPW655365 BGA655363:BGA655365 AWE655363:AWE655365 AMI655363:AMI655365 ACM655363:ACM655365 SQ655363:SQ655365 IU655363:IU655365 I655363:I655365 WVG589827:WVG589829 WLK589827:WLK589829 WBO589827:WBO589829 VRS589827:VRS589829 VHW589827:VHW589829 UYA589827:UYA589829 UOE589827:UOE589829 UEI589827:UEI589829 TUM589827:TUM589829 TKQ589827:TKQ589829 TAU589827:TAU589829 SQY589827:SQY589829 SHC589827:SHC589829 RXG589827:RXG589829 RNK589827:RNK589829 RDO589827:RDO589829 QTS589827:QTS589829 QJW589827:QJW589829 QAA589827:QAA589829 PQE589827:PQE589829 PGI589827:PGI589829 OWM589827:OWM589829 OMQ589827:OMQ589829 OCU589827:OCU589829 NSY589827:NSY589829 NJC589827:NJC589829 MZG589827:MZG589829 MPK589827:MPK589829 MFO589827:MFO589829 LVS589827:LVS589829 LLW589827:LLW589829 LCA589827:LCA589829 KSE589827:KSE589829 KII589827:KII589829 JYM589827:JYM589829 JOQ589827:JOQ589829 JEU589827:JEU589829 IUY589827:IUY589829 ILC589827:ILC589829 IBG589827:IBG589829 HRK589827:HRK589829 HHO589827:HHO589829 GXS589827:GXS589829 GNW589827:GNW589829 GEA589827:GEA589829 FUE589827:FUE589829 FKI589827:FKI589829 FAM589827:FAM589829 EQQ589827:EQQ589829 EGU589827:EGU589829 DWY589827:DWY589829 DNC589827:DNC589829 DDG589827:DDG589829 CTK589827:CTK589829 CJO589827:CJO589829 BZS589827:BZS589829 BPW589827:BPW589829 BGA589827:BGA589829 AWE589827:AWE589829 AMI589827:AMI589829 ACM589827:ACM589829 SQ589827:SQ589829 IU589827:IU589829 I589827:I589829 WVG524291:WVG524293 WLK524291:WLK524293 WBO524291:WBO524293 VRS524291:VRS524293 VHW524291:VHW524293 UYA524291:UYA524293 UOE524291:UOE524293 UEI524291:UEI524293 TUM524291:TUM524293 TKQ524291:TKQ524293 TAU524291:TAU524293 SQY524291:SQY524293 SHC524291:SHC524293 RXG524291:RXG524293 RNK524291:RNK524293 RDO524291:RDO524293 QTS524291:QTS524293 QJW524291:QJW524293 QAA524291:QAA524293 PQE524291:PQE524293 PGI524291:PGI524293 OWM524291:OWM524293 OMQ524291:OMQ524293 OCU524291:OCU524293 NSY524291:NSY524293 NJC524291:NJC524293 MZG524291:MZG524293 MPK524291:MPK524293 MFO524291:MFO524293 LVS524291:LVS524293 LLW524291:LLW524293 LCA524291:LCA524293 KSE524291:KSE524293 KII524291:KII524293 JYM524291:JYM524293 JOQ524291:JOQ524293 JEU524291:JEU524293 IUY524291:IUY524293 ILC524291:ILC524293 IBG524291:IBG524293 HRK524291:HRK524293 HHO524291:HHO524293 GXS524291:GXS524293 GNW524291:GNW524293 GEA524291:GEA524293 FUE524291:FUE524293 FKI524291:FKI524293 FAM524291:FAM524293 EQQ524291:EQQ524293 EGU524291:EGU524293 DWY524291:DWY524293 DNC524291:DNC524293 DDG524291:DDG524293 CTK524291:CTK524293 CJO524291:CJO524293 BZS524291:BZS524293 BPW524291:BPW524293 BGA524291:BGA524293 AWE524291:AWE524293 AMI524291:AMI524293 ACM524291:ACM524293 SQ524291:SQ524293 IU524291:IU524293 I524291:I524293 WVG458755:WVG458757 WLK458755:WLK458757 WBO458755:WBO458757 VRS458755:VRS458757 VHW458755:VHW458757 UYA458755:UYA458757 UOE458755:UOE458757 UEI458755:UEI458757 TUM458755:TUM458757 TKQ458755:TKQ458757 TAU458755:TAU458757 SQY458755:SQY458757 SHC458755:SHC458757 RXG458755:RXG458757 RNK458755:RNK458757 RDO458755:RDO458757 QTS458755:QTS458757 QJW458755:QJW458757 QAA458755:QAA458757 PQE458755:PQE458757 PGI458755:PGI458757 OWM458755:OWM458757 OMQ458755:OMQ458757 OCU458755:OCU458757 NSY458755:NSY458757 NJC458755:NJC458757 MZG458755:MZG458757 MPK458755:MPK458757 MFO458755:MFO458757 LVS458755:LVS458757 LLW458755:LLW458757 LCA458755:LCA458757 KSE458755:KSE458757 KII458755:KII458757 JYM458755:JYM458757 JOQ458755:JOQ458757 JEU458755:JEU458757 IUY458755:IUY458757 ILC458755:ILC458757 IBG458755:IBG458757 HRK458755:HRK458757 HHO458755:HHO458757 GXS458755:GXS458757 GNW458755:GNW458757 GEA458755:GEA458757 FUE458755:FUE458757 FKI458755:FKI458757 FAM458755:FAM458757 EQQ458755:EQQ458757 EGU458755:EGU458757 DWY458755:DWY458757 DNC458755:DNC458757 DDG458755:DDG458757 CTK458755:CTK458757 CJO458755:CJO458757 BZS458755:BZS458757 BPW458755:BPW458757 BGA458755:BGA458757 AWE458755:AWE458757 AMI458755:AMI458757 ACM458755:ACM458757 SQ458755:SQ458757 IU458755:IU458757 I458755:I458757 WVG393219:WVG393221 WLK393219:WLK393221 WBO393219:WBO393221 VRS393219:VRS393221 VHW393219:VHW393221 UYA393219:UYA393221 UOE393219:UOE393221 UEI393219:UEI393221 TUM393219:TUM393221 TKQ393219:TKQ393221 TAU393219:TAU393221 SQY393219:SQY393221 SHC393219:SHC393221 RXG393219:RXG393221 RNK393219:RNK393221 RDO393219:RDO393221 QTS393219:QTS393221 QJW393219:QJW393221 QAA393219:QAA393221 PQE393219:PQE393221 PGI393219:PGI393221 OWM393219:OWM393221 OMQ393219:OMQ393221 OCU393219:OCU393221 NSY393219:NSY393221 NJC393219:NJC393221 MZG393219:MZG393221 MPK393219:MPK393221 MFO393219:MFO393221 LVS393219:LVS393221 LLW393219:LLW393221 LCA393219:LCA393221 KSE393219:KSE393221 KII393219:KII393221 JYM393219:JYM393221 JOQ393219:JOQ393221 JEU393219:JEU393221 IUY393219:IUY393221 ILC393219:ILC393221 IBG393219:IBG393221 HRK393219:HRK393221 HHO393219:HHO393221 GXS393219:GXS393221 GNW393219:GNW393221 GEA393219:GEA393221 FUE393219:FUE393221 FKI393219:FKI393221 FAM393219:FAM393221 EQQ393219:EQQ393221 EGU393219:EGU393221 DWY393219:DWY393221 DNC393219:DNC393221 DDG393219:DDG393221 CTK393219:CTK393221 CJO393219:CJO393221 BZS393219:BZS393221 BPW393219:BPW393221 BGA393219:BGA393221 AWE393219:AWE393221 AMI393219:AMI393221 ACM393219:ACM393221 SQ393219:SQ393221 IU393219:IU393221 I393219:I393221 WVG327683:WVG327685 WLK327683:WLK327685 WBO327683:WBO327685 VRS327683:VRS327685 VHW327683:VHW327685 UYA327683:UYA327685 UOE327683:UOE327685 UEI327683:UEI327685 TUM327683:TUM327685 TKQ327683:TKQ327685 TAU327683:TAU327685 SQY327683:SQY327685 SHC327683:SHC327685 RXG327683:RXG327685 RNK327683:RNK327685 RDO327683:RDO327685 QTS327683:QTS327685 QJW327683:QJW327685 QAA327683:QAA327685 PQE327683:PQE327685 PGI327683:PGI327685 OWM327683:OWM327685 OMQ327683:OMQ327685 OCU327683:OCU327685 NSY327683:NSY327685 NJC327683:NJC327685 MZG327683:MZG327685 MPK327683:MPK327685 MFO327683:MFO327685 LVS327683:LVS327685 LLW327683:LLW327685 LCA327683:LCA327685 KSE327683:KSE327685 KII327683:KII327685 JYM327683:JYM327685 JOQ327683:JOQ327685 JEU327683:JEU327685 IUY327683:IUY327685 ILC327683:ILC327685 IBG327683:IBG327685 HRK327683:HRK327685 HHO327683:HHO327685 GXS327683:GXS327685 GNW327683:GNW327685 GEA327683:GEA327685 FUE327683:FUE327685 FKI327683:FKI327685 FAM327683:FAM327685 EQQ327683:EQQ327685 EGU327683:EGU327685 DWY327683:DWY327685 DNC327683:DNC327685 DDG327683:DDG327685 CTK327683:CTK327685 CJO327683:CJO327685 BZS327683:BZS327685 BPW327683:BPW327685 BGA327683:BGA327685 AWE327683:AWE327685 AMI327683:AMI327685 ACM327683:ACM327685 SQ327683:SQ327685 IU327683:IU327685 I327683:I327685 WVG262147:WVG262149 WLK262147:WLK262149 WBO262147:WBO262149 VRS262147:VRS262149 VHW262147:VHW262149 UYA262147:UYA262149 UOE262147:UOE262149 UEI262147:UEI262149 TUM262147:TUM262149 TKQ262147:TKQ262149 TAU262147:TAU262149 SQY262147:SQY262149 SHC262147:SHC262149 RXG262147:RXG262149 RNK262147:RNK262149 RDO262147:RDO262149 QTS262147:QTS262149 QJW262147:QJW262149 QAA262147:QAA262149 PQE262147:PQE262149 PGI262147:PGI262149 OWM262147:OWM262149 OMQ262147:OMQ262149 OCU262147:OCU262149 NSY262147:NSY262149 NJC262147:NJC262149 MZG262147:MZG262149 MPK262147:MPK262149 MFO262147:MFO262149 LVS262147:LVS262149 LLW262147:LLW262149 LCA262147:LCA262149 KSE262147:KSE262149 KII262147:KII262149 JYM262147:JYM262149 JOQ262147:JOQ262149 JEU262147:JEU262149 IUY262147:IUY262149 ILC262147:ILC262149 IBG262147:IBG262149 HRK262147:HRK262149 HHO262147:HHO262149 GXS262147:GXS262149 GNW262147:GNW262149 GEA262147:GEA262149 FUE262147:FUE262149 FKI262147:FKI262149 FAM262147:FAM262149 EQQ262147:EQQ262149 EGU262147:EGU262149 DWY262147:DWY262149 DNC262147:DNC262149 DDG262147:DDG262149 CTK262147:CTK262149 CJO262147:CJO262149 BZS262147:BZS262149 BPW262147:BPW262149 BGA262147:BGA262149 AWE262147:AWE262149 AMI262147:AMI262149 ACM262147:ACM262149 SQ262147:SQ262149 IU262147:IU262149 I262147:I262149 WVG196611:WVG196613 WLK196611:WLK196613 WBO196611:WBO196613 VRS196611:VRS196613 VHW196611:VHW196613 UYA196611:UYA196613 UOE196611:UOE196613 UEI196611:UEI196613 TUM196611:TUM196613 TKQ196611:TKQ196613 TAU196611:TAU196613 SQY196611:SQY196613 SHC196611:SHC196613 RXG196611:RXG196613 RNK196611:RNK196613 RDO196611:RDO196613 QTS196611:QTS196613 QJW196611:QJW196613 QAA196611:QAA196613 PQE196611:PQE196613 PGI196611:PGI196613 OWM196611:OWM196613 OMQ196611:OMQ196613 OCU196611:OCU196613 NSY196611:NSY196613 NJC196611:NJC196613 MZG196611:MZG196613 MPK196611:MPK196613 MFO196611:MFO196613 LVS196611:LVS196613 LLW196611:LLW196613 LCA196611:LCA196613 KSE196611:KSE196613 KII196611:KII196613 JYM196611:JYM196613 JOQ196611:JOQ196613 JEU196611:JEU196613 IUY196611:IUY196613 ILC196611:ILC196613 IBG196611:IBG196613 HRK196611:HRK196613 HHO196611:HHO196613 GXS196611:GXS196613 GNW196611:GNW196613 GEA196611:GEA196613 FUE196611:FUE196613 FKI196611:FKI196613 FAM196611:FAM196613 EQQ196611:EQQ196613 EGU196611:EGU196613 DWY196611:DWY196613 DNC196611:DNC196613 DDG196611:DDG196613 CTK196611:CTK196613 CJO196611:CJO196613 BZS196611:BZS196613 BPW196611:BPW196613 BGA196611:BGA196613 AWE196611:AWE196613 AMI196611:AMI196613 ACM196611:ACM196613 SQ196611:SQ196613 IU196611:IU196613 I196611:I196613 WVG131075:WVG131077 WLK131075:WLK131077 WBO131075:WBO131077 VRS131075:VRS131077 VHW131075:VHW131077 UYA131075:UYA131077 UOE131075:UOE131077 UEI131075:UEI131077 TUM131075:TUM131077 TKQ131075:TKQ131077 TAU131075:TAU131077 SQY131075:SQY131077 SHC131075:SHC131077 RXG131075:RXG131077 RNK131075:RNK131077 RDO131075:RDO131077 QTS131075:QTS131077 QJW131075:QJW131077 QAA131075:QAA131077 PQE131075:PQE131077 PGI131075:PGI131077 OWM131075:OWM131077 OMQ131075:OMQ131077 OCU131075:OCU131077 NSY131075:NSY131077 NJC131075:NJC131077 MZG131075:MZG131077 MPK131075:MPK131077 MFO131075:MFO131077 LVS131075:LVS131077 LLW131075:LLW131077 LCA131075:LCA131077 KSE131075:KSE131077 KII131075:KII131077 JYM131075:JYM131077 JOQ131075:JOQ131077 JEU131075:JEU131077 IUY131075:IUY131077 ILC131075:ILC131077 IBG131075:IBG131077 HRK131075:HRK131077 HHO131075:HHO131077 GXS131075:GXS131077 GNW131075:GNW131077 GEA131075:GEA131077 FUE131075:FUE131077 FKI131075:FKI131077 FAM131075:FAM131077 EQQ131075:EQQ131077 EGU131075:EGU131077 DWY131075:DWY131077 DNC131075:DNC131077 DDG131075:DDG131077 CTK131075:CTK131077 CJO131075:CJO131077 BZS131075:BZS131077 BPW131075:BPW131077 BGA131075:BGA131077 AWE131075:AWE131077 AMI131075:AMI131077 ACM131075:ACM131077 SQ131075:SQ131077 IU131075:IU131077 I131075:I131077 WVG65539:WVG65541 WLK65539:WLK65541 WBO65539:WBO65541 VRS65539:VRS65541 VHW65539:VHW65541 UYA65539:UYA65541 UOE65539:UOE65541 UEI65539:UEI65541 TUM65539:TUM65541 TKQ65539:TKQ65541 TAU65539:TAU65541 SQY65539:SQY65541 SHC65539:SHC65541 RXG65539:RXG65541 RNK65539:RNK65541 RDO65539:RDO65541 QTS65539:QTS65541 QJW65539:QJW65541 QAA65539:QAA65541 PQE65539:PQE65541 PGI65539:PGI65541 OWM65539:OWM65541 OMQ65539:OMQ65541 OCU65539:OCU65541 NSY65539:NSY65541 NJC65539:NJC65541 MZG65539:MZG65541 MPK65539:MPK65541 MFO65539:MFO65541 LVS65539:LVS65541 LLW65539:LLW65541 LCA65539:LCA65541 KSE65539:KSE65541 KII65539:KII65541 JYM65539:JYM65541 JOQ65539:JOQ65541 JEU65539:JEU65541 IUY65539:IUY65541 ILC65539:ILC65541 IBG65539:IBG65541 HRK65539:HRK65541 HHO65539:HHO65541 GXS65539:GXS65541 GNW65539:GNW65541 GEA65539:GEA65541 FUE65539:FUE65541 FKI65539:FKI65541 FAM65539:FAM65541 EQQ65539:EQQ65541 EGU65539:EGU65541 DWY65539:DWY65541 DNC65539:DNC65541 DDG65539:DDG65541 CTK65539:CTK65541 CJO65539:CJO65541 BZS65539:BZS65541 BPW65539:BPW65541 BGA65539:BGA65541 AWE65539:AWE65541 AMI65539:AMI65541 ACM65539:ACM65541 SQ65539:SQ65541 IU65539:IU65541 I65539:I65541 WVH983044:WVK983045 WLL983044:WLO983045 WBP983044:WBS983045 VRT983044:VRW983045 VHX983044:VIA983045 UYB983044:UYE983045 UOF983044:UOI983045 UEJ983044:UEM983045 TUN983044:TUQ983045 TKR983044:TKU983045 TAV983044:TAY983045 SQZ983044:SRC983045 SHD983044:SHG983045 RXH983044:RXK983045 RNL983044:RNO983045 RDP983044:RDS983045 QTT983044:QTW983045 QJX983044:QKA983045 QAB983044:QAE983045 PQF983044:PQI983045 PGJ983044:PGM983045 OWN983044:OWQ983045 OMR983044:OMU983045 OCV983044:OCY983045 NSZ983044:NTC983045 NJD983044:NJG983045 MZH983044:MZK983045 MPL983044:MPO983045 MFP983044:MFS983045 LVT983044:LVW983045 LLX983044:LMA983045 LCB983044:LCE983045 KSF983044:KSI983045 KIJ983044:KIM983045 JYN983044:JYQ983045 JOR983044:JOU983045 JEV983044:JEY983045 IUZ983044:IVC983045 ILD983044:ILG983045 IBH983044:IBK983045 HRL983044:HRO983045 HHP983044:HHS983045 GXT983044:GXW983045 GNX983044:GOA983045 GEB983044:GEE983045 FUF983044:FUI983045 FKJ983044:FKM983045 FAN983044:FAQ983045 EQR983044:EQU983045 EGV983044:EGY983045 DWZ983044:DXC983045 DND983044:DNG983045 DDH983044:DDK983045 CTL983044:CTO983045 CJP983044:CJS983045 BZT983044:BZW983045 BPX983044:BQA983045 BGB983044:BGE983045 AWF983044:AWI983045 AMJ983044:AMM983045 ACN983044:ACQ983045 SR983044:SU983045 IV983044:IY983045 J983044:M983045 WVH917508:WVK917509 WLL917508:WLO917509 WBP917508:WBS917509 VRT917508:VRW917509 VHX917508:VIA917509 UYB917508:UYE917509 UOF917508:UOI917509 UEJ917508:UEM917509 TUN917508:TUQ917509 TKR917508:TKU917509 TAV917508:TAY917509 SQZ917508:SRC917509 SHD917508:SHG917509 RXH917508:RXK917509 RNL917508:RNO917509 RDP917508:RDS917509 QTT917508:QTW917509 QJX917508:QKA917509 QAB917508:QAE917509 PQF917508:PQI917509 PGJ917508:PGM917509 OWN917508:OWQ917509 OMR917508:OMU917509 OCV917508:OCY917509 NSZ917508:NTC917509 NJD917508:NJG917509 MZH917508:MZK917509 MPL917508:MPO917509 MFP917508:MFS917509 LVT917508:LVW917509 LLX917508:LMA917509 LCB917508:LCE917509 KSF917508:KSI917509 KIJ917508:KIM917509 JYN917508:JYQ917509 JOR917508:JOU917509 JEV917508:JEY917509 IUZ917508:IVC917509 ILD917508:ILG917509 IBH917508:IBK917509 HRL917508:HRO917509 HHP917508:HHS917509 GXT917508:GXW917509 GNX917508:GOA917509 GEB917508:GEE917509 FUF917508:FUI917509 FKJ917508:FKM917509 FAN917508:FAQ917509 EQR917508:EQU917509 EGV917508:EGY917509 DWZ917508:DXC917509 DND917508:DNG917509 DDH917508:DDK917509 CTL917508:CTO917509 CJP917508:CJS917509 BZT917508:BZW917509 BPX917508:BQA917509 BGB917508:BGE917509 AWF917508:AWI917509 AMJ917508:AMM917509 ACN917508:ACQ917509 SR917508:SU917509 IV917508:IY917509 J917508:M917509 WVH851972:WVK851973 WLL851972:WLO851973 WBP851972:WBS851973 VRT851972:VRW851973 VHX851972:VIA851973 UYB851972:UYE851973 UOF851972:UOI851973 UEJ851972:UEM851973 TUN851972:TUQ851973 TKR851972:TKU851973 TAV851972:TAY851973 SQZ851972:SRC851973 SHD851972:SHG851973 RXH851972:RXK851973 RNL851972:RNO851973 RDP851972:RDS851973 QTT851972:QTW851973 QJX851972:QKA851973 QAB851972:QAE851973 PQF851972:PQI851973 PGJ851972:PGM851973 OWN851972:OWQ851973 OMR851972:OMU851973 OCV851972:OCY851973 NSZ851972:NTC851973 NJD851972:NJG851973 MZH851972:MZK851973 MPL851972:MPO851973 MFP851972:MFS851973 LVT851972:LVW851973 LLX851972:LMA851973 LCB851972:LCE851973 KSF851972:KSI851973 KIJ851972:KIM851973 JYN851972:JYQ851973 JOR851972:JOU851973 JEV851972:JEY851973 IUZ851972:IVC851973 ILD851972:ILG851973 IBH851972:IBK851973 HRL851972:HRO851973 HHP851972:HHS851973 GXT851972:GXW851973 GNX851972:GOA851973 GEB851972:GEE851973 FUF851972:FUI851973 FKJ851972:FKM851973 FAN851972:FAQ851973 EQR851972:EQU851973 EGV851972:EGY851973 DWZ851972:DXC851973 DND851972:DNG851973 DDH851972:DDK851973 CTL851972:CTO851973 CJP851972:CJS851973 BZT851972:BZW851973 BPX851972:BQA851973 BGB851972:BGE851973 AWF851972:AWI851973 AMJ851972:AMM851973 ACN851972:ACQ851973 SR851972:SU851973 IV851972:IY851973 J851972:M851973 WVH786436:WVK786437 WLL786436:WLO786437 WBP786436:WBS786437 VRT786436:VRW786437 VHX786436:VIA786437 UYB786436:UYE786437 UOF786436:UOI786437 UEJ786436:UEM786437 TUN786436:TUQ786437 TKR786436:TKU786437 TAV786436:TAY786437 SQZ786436:SRC786437 SHD786436:SHG786437 RXH786436:RXK786437 RNL786436:RNO786437 RDP786436:RDS786437 QTT786436:QTW786437 QJX786436:QKA786437 QAB786436:QAE786437 PQF786436:PQI786437 PGJ786436:PGM786437 OWN786436:OWQ786437 OMR786436:OMU786437 OCV786436:OCY786437 NSZ786436:NTC786437 NJD786436:NJG786437 MZH786436:MZK786437 MPL786436:MPO786437 MFP786436:MFS786437 LVT786436:LVW786437 LLX786436:LMA786437 LCB786436:LCE786437 KSF786436:KSI786437 KIJ786436:KIM786437 JYN786436:JYQ786437 JOR786436:JOU786437 JEV786436:JEY786437 IUZ786436:IVC786437 ILD786436:ILG786437 IBH786436:IBK786437 HRL786436:HRO786437 HHP786436:HHS786437 GXT786436:GXW786437 GNX786436:GOA786437 GEB786436:GEE786437 FUF786436:FUI786437 FKJ786436:FKM786437 FAN786436:FAQ786437 EQR786436:EQU786437 EGV786436:EGY786437 DWZ786436:DXC786437 DND786436:DNG786437 DDH786436:DDK786437 CTL786436:CTO786437 CJP786436:CJS786437 BZT786436:BZW786437 BPX786436:BQA786437 BGB786436:BGE786437 AWF786436:AWI786437 AMJ786436:AMM786437 ACN786436:ACQ786437 SR786436:SU786437 IV786436:IY786437 J786436:M786437 WVH720900:WVK720901 WLL720900:WLO720901 WBP720900:WBS720901 VRT720900:VRW720901 VHX720900:VIA720901 UYB720900:UYE720901 UOF720900:UOI720901 UEJ720900:UEM720901 TUN720900:TUQ720901 TKR720900:TKU720901 TAV720900:TAY720901 SQZ720900:SRC720901 SHD720900:SHG720901 RXH720900:RXK720901 RNL720900:RNO720901 RDP720900:RDS720901 QTT720900:QTW720901 QJX720900:QKA720901 QAB720900:QAE720901 PQF720900:PQI720901 PGJ720900:PGM720901 OWN720900:OWQ720901 OMR720900:OMU720901 OCV720900:OCY720901 NSZ720900:NTC720901 NJD720900:NJG720901 MZH720900:MZK720901 MPL720900:MPO720901 MFP720900:MFS720901 LVT720900:LVW720901 LLX720900:LMA720901 LCB720900:LCE720901 KSF720900:KSI720901 KIJ720900:KIM720901 JYN720900:JYQ720901 JOR720900:JOU720901 JEV720900:JEY720901 IUZ720900:IVC720901 ILD720900:ILG720901 IBH720900:IBK720901 HRL720900:HRO720901 HHP720900:HHS720901 GXT720900:GXW720901 GNX720900:GOA720901 GEB720900:GEE720901 FUF720900:FUI720901 FKJ720900:FKM720901 FAN720900:FAQ720901 EQR720900:EQU720901 EGV720900:EGY720901 DWZ720900:DXC720901 DND720900:DNG720901 DDH720900:DDK720901 CTL720900:CTO720901 CJP720900:CJS720901 BZT720900:BZW720901 BPX720900:BQA720901 BGB720900:BGE720901 AWF720900:AWI720901 AMJ720900:AMM720901 ACN720900:ACQ720901 SR720900:SU720901 IV720900:IY720901 J720900:M720901 WVH655364:WVK655365 WLL655364:WLO655365 WBP655364:WBS655365 VRT655364:VRW655365 VHX655364:VIA655365 UYB655364:UYE655365 UOF655364:UOI655365 UEJ655364:UEM655365 TUN655364:TUQ655365 TKR655364:TKU655365 TAV655364:TAY655365 SQZ655364:SRC655365 SHD655364:SHG655365 RXH655364:RXK655365 RNL655364:RNO655365 RDP655364:RDS655365 QTT655364:QTW655365 QJX655364:QKA655365 QAB655364:QAE655365 PQF655364:PQI655365 PGJ655364:PGM655365 OWN655364:OWQ655365 OMR655364:OMU655365 OCV655364:OCY655365 NSZ655364:NTC655365 NJD655364:NJG655365 MZH655364:MZK655365 MPL655364:MPO655365 MFP655364:MFS655365 LVT655364:LVW655365 LLX655364:LMA655365 LCB655364:LCE655365 KSF655364:KSI655365 KIJ655364:KIM655365 JYN655364:JYQ655365 JOR655364:JOU655365 JEV655364:JEY655365 IUZ655364:IVC655365 ILD655364:ILG655365 IBH655364:IBK655365 HRL655364:HRO655365 HHP655364:HHS655365 GXT655364:GXW655365 GNX655364:GOA655365 GEB655364:GEE655365 FUF655364:FUI655365 FKJ655364:FKM655365 FAN655364:FAQ655365 EQR655364:EQU655365 EGV655364:EGY655365 DWZ655364:DXC655365 DND655364:DNG655365 DDH655364:DDK655365 CTL655364:CTO655365 CJP655364:CJS655365 BZT655364:BZW655365 BPX655364:BQA655365 BGB655364:BGE655365 AWF655364:AWI655365 AMJ655364:AMM655365 ACN655364:ACQ655365 SR655364:SU655365 IV655364:IY655365 J655364:M655365 WVH589828:WVK589829 WLL589828:WLO589829 WBP589828:WBS589829 VRT589828:VRW589829 VHX589828:VIA589829 UYB589828:UYE589829 UOF589828:UOI589829 UEJ589828:UEM589829 TUN589828:TUQ589829 TKR589828:TKU589829 TAV589828:TAY589829 SQZ589828:SRC589829 SHD589828:SHG589829 RXH589828:RXK589829 RNL589828:RNO589829 RDP589828:RDS589829 QTT589828:QTW589829 QJX589828:QKA589829 QAB589828:QAE589829 PQF589828:PQI589829 PGJ589828:PGM589829 OWN589828:OWQ589829 OMR589828:OMU589829 OCV589828:OCY589829 NSZ589828:NTC589829 NJD589828:NJG589829 MZH589828:MZK589829 MPL589828:MPO589829 MFP589828:MFS589829 LVT589828:LVW589829 LLX589828:LMA589829 LCB589828:LCE589829 KSF589828:KSI589829 KIJ589828:KIM589829 JYN589828:JYQ589829 JOR589828:JOU589829 JEV589828:JEY589829 IUZ589828:IVC589829 ILD589828:ILG589829 IBH589828:IBK589829 HRL589828:HRO589829 HHP589828:HHS589829 GXT589828:GXW589829 GNX589828:GOA589829 GEB589828:GEE589829 FUF589828:FUI589829 FKJ589828:FKM589829 FAN589828:FAQ589829 EQR589828:EQU589829 EGV589828:EGY589829 DWZ589828:DXC589829 DND589828:DNG589829 DDH589828:DDK589829 CTL589828:CTO589829 CJP589828:CJS589829 BZT589828:BZW589829 BPX589828:BQA589829 BGB589828:BGE589829 AWF589828:AWI589829 AMJ589828:AMM589829 ACN589828:ACQ589829 SR589828:SU589829 IV589828:IY589829 J589828:M589829 WVH524292:WVK524293 WLL524292:WLO524293 WBP524292:WBS524293 VRT524292:VRW524293 VHX524292:VIA524293 UYB524292:UYE524293 UOF524292:UOI524293 UEJ524292:UEM524293 TUN524292:TUQ524293 TKR524292:TKU524293 TAV524292:TAY524293 SQZ524292:SRC524293 SHD524292:SHG524293 RXH524292:RXK524293 RNL524292:RNO524293 RDP524292:RDS524293 QTT524292:QTW524293 QJX524292:QKA524293 QAB524292:QAE524293 PQF524292:PQI524293 PGJ524292:PGM524293 OWN524292:OWQ524293 OMR524292:OMU524293 OCV524292:OCY524293 NSZ524292:NTC524293 NJD524292:NJG524293 MZH524292:MZK524293 MPL524292:MPO524293 MFP524292:MFS524293 LVT524292:LVW524293 LLX524292:LMA524293 LCB524292:LCE524293 KSF524292:KSI524293 KIJ524292:KIM524293 JYN524292:JYQ524293 JOR524292:JOU524293 JEV524292:JEY524293 IUZ524292:IVC524293 ILD524292:ILG524293 IBH524292:IBK524293 HRL524292:HRO524293 HHP524292:HHS524293 GXT524292:GXW524293 GNX524292:GOA524293 GEB524292:GEE524293 FUF524292:FUI524293 FKJ524292:FKM524293 FAN524292:FAQ524293 EQR524292:EQU524293 EGV524292:EGY524293 DWZ524292:DXC524293 DND524292:DNG524293 DDH524292:DDK524293 CTL524292:CTO524293 CJP524292:CJS524293 BZT524292:BZW524293 BPX524292:BQA524293 BGB524292:BGE524293 AWF524292:AWI524293 AMJ524292:AMM524293 ACN524292:ACQ524293 SR524292:SU524293 IV524292:IY524293 J524292:M524293 WVH458756:WVK458757 WLL458756:WLO458757 WBP458756:WBS458757 VRT458756:VRW458757 VHX458756:VIA458757 UYB458756:UYE458757 UOF458756:UOI458757 UEJ458756:UEM458757 TUN458756:TUQ458757 TKR458756:TKU458757 TAV458756:TAY458757 SQZ458756:SRC458757 SHD458756:SHG458757 RXH458756:RXK458757 RNL458756:RNO458757 RDP458756:RDS458757 QTT458756:QTW458757 QJX458756:QKA458757 QAB458756:QAE458757 PQF458756:PQI458757 PGJ458756:PGM458757 OWN458756:OWQ458757 OMR458756:OMU458757 OCV458756:OCY458757 NSZ458756:NTC458757 NJD458756:NJG458757 MZH458756:MZK458757 MPL458756:MPO458757 MFP458756:MFS458757 LVT458756:LVW458757 LLX458756:LMA458757 LCB458756:LCE458757 KSF458756:KSI458757 KIJ458756:KIM458757 JYN458756:JYQ458757 JOR458756:JOU458757 JEV458756:JEY458757 IUZ458756:IVC458757 ILD458756:ILG458757 IBH458756:IBK458757 HRL458756:HRO458757 HHP458756:HHS458757 GXT458756:GXW458757 GNX458756:GOA458757 GEB458756:GEE458757 FUF458756:FUI458757 FKJ458756:FKM458757 FAN458756:FAQ458757 EQR458756:EQU458757 EGV458756:EGY458757 DWZ458756:DXC458757 DND458756:DNG458757 DDH458756:DDK458757 CTL458756:CTO458757 CJP458756:CJS458757 BZT458756:BZW458757 BPX458756:BQA458757 BGB458756:BGE458757 AWF458756:AWI458757 AMJ458756:AMM458757 ACN458756:ACQ458757 SR458756:SU458757 IV458756:IY458757 J458756:M458757 WVH393220:WVK393221 WLL393220:WLO393221 WBP393220:WBS393221 VRT393220:VRW393221 VHX393220:VIA393221 UYB393220:UYE393221 UOF393220:UOI393221 UEJ393220:UEM393221 TUN393220:TUQ393221 TKR393220:TKU393221 TAV393220:TAY393221 SQZ393220:SRC393221 SHD393220:SHG393221 RXH393220:RXK393221 RNL393220:RNO393221 RDP393220:RDS393221 QTT393220:QTW393221 QJX393220:QKA393221 QAB393220:QAE393221 PQF393220:PQI393221 PGJ393220:PGM393221 OWN393220:OWQ393221 OMR393220:OMU393221 OCV393220:OCY393221 NSZ393220:NTC393221 NJD393220:NJG393221 MZH393220:MZK393221 MPL393220:MPO393221 MFP393220:MFS393221 LVT393220:LVW393221 LLX393220:LMA393221 LCB393220:LCE393221 KSF393220:KSI393221 KIJ393220:KIM393221 JYN393220:JYQ393221 JOR393220:JOU393221 JEV393220:JEY393221 IUZ393220:IVC393221 ILD393220:ILG393221 IBH393220:IBK393221 HRL393220:HRO393221 HHP393220:HHS393221 GXT393220:GXW393221 GNX393220:GOA393221 GEB393220:GEE393221 FUF393220:FUI393221 FKJ393220:FKM393221 FAN393220:FAQ393221 EQR393220:EQU393221 EGV393220:EGY393221 DWZ393220:DXC393221 DND393220:DNG393221 DDH393220:DDK393221 CTL393220:CTO393221 CJP393220:CJS393221 BZT393220:BZW393221 BPX393220:BQA393221 BGB393220:BGE393221 AWF393220:AWI393221 AMJ393220:AMM393221 ACN393220:ACQ393221 SR393220:SU393221 IV393220:IY393221 J393220:M393221 WVH327684:WVK327685 WLL327684:WLO327685 WBP327684:WBS327685 VRT327684:VRW327685 VHX327684:VIA327685 UYB327684:UYE327685 UOF327684:UOI327685 UEJ327684:UEM327685 TUN327684:TUQ327685 TKR327684:TKU327685 TAV327684:TAY327685 SQZ327684:SRC327685 SHD327684:SHG327685 RXH327684:RXK327685 RNL327684:RNO327685 RDP327684:RDS327685 QTT327684:QTW327685 QJX327684:QKA327685 QAB327684:QAE327685 PQF327684:PQI327685 PGJ327684:PGM327685 OWN327684:OWQ327685 OMR327684:OMU327685 OCV327684:OCY327685 NSZ327684:NTC327685 NJD327684:NJG327685 MZH327684:MZK327685 MPL327684:MPO327685 MFP327684:MFS327685 LVT327684:LVW327685 LLX327684:LMA327685 LCB327684:LCE327685 KSF327684:KSI327685 KIJ327684:KIM327685 JYN327684:JYQ327685 JOR327684:JOU327685 JEV327684:JEY327685 IUZ327684:IVC327685 ILD327684:ILG327685 IBH327684:IBK327685 HRL327684:HRO327685 HHP327684:HHS327685 GXT327684:GXW327685 GNX327684:GOA327685 GEB327684:GEE327685 FUF327684:FUI327685 FKJ327684:FKM327685 FAN327684:FAQ327685 EQR327684:EQU327685 EGV327684:EGY327685 DWZ327684:DXC327685 DND327684:DNG327685 DDH327684:DDK327685 CTL327684:CTO327685 CJP327684:CJS327685 BZT327684:BZW327685 BPX327684:BQA327685 BGB327684:BGE327685 AWF327684:AWI327685 AMJ327684:AMM327685 ACN327684:ACQ327685 SR327684:SU327685 IV327684:IY327685 J327684:M327685 WVH262148:WVK262149 WLL262148:WLO262149 WBP262148:WBS262149 VRT262148:VRW262149 VHX262148:VIA262149 UYB262148:UYE262149 UOF262148:UOI262149 UEJ262148:UEM262149 TUN262148:TUQ262149 TKR262148:TKU262149 TAV262148:TAY262149 SQZ262148:SRC262149 SHD262148:SHG262149 RXH262148:RXK262149 RNL262148:RNO262149 RDP262148:RDS262149 QTT262148:QTW262149 QJX262148:QKA262149 QAB262148:QAE262149 PQF262148:PQI262149 PGJ262148:PGM262149 OWN262148:OWQ262149 OMR262148:OMU262149 OCV262148:OCY262149 NSZ262148:NTC262149 NJD262148:NJG262149 MZH262148:MZK262149 MPL262148:MPO262149 MFP262148:MFS262149 LVT262148:LVW262149 LLX262148:LMA262149 LCB262148:LCE262149 KSF262148:KSI262149 KIJ262148:KIM262149 JYN262148:JYQ262149 JOR262148:JOU262149 JEV262148:JEY262149 IUZ262148:IVC262149 ILD262148:ILG262149 IBH262148:IBK262149 HRL262148:HRO262149 HHP262148:HHS262149 GXT262148:GXW262149 GNX262148:GOA262149 GEB262148:GEE262149 FUF262148:FUI262149 FKJ262148:FKM262149 FAN262148:FAQ262149 EQR262148:EQU262149 EGV262148:EGY262149 DWZ262148:DXC262149 DND262148:DNG262149 DDH262148:DDK262149 CTL262148:CTO262149 CJP262148:CJS262149 BZT262148:BZW262149 BPX262148:BQA262149 BGB262148:BGE262149 AWF262148:AWI262149 AMJ262148:AMM262149 ACN262148:ACQ262149 SR262148:SU262149 IV262148:IY262149 J262148:M262149 WVH196612:WVK196613 WLL196612:WLO196613 WBP196612:WBS196613 VRT196612:VRW196613 VHX196612:VIA196613 UYB196612:UYE196613 UOF196612:UOI196613 UEJ196612:UEM196613 TUN196612:TUQ196613 TKR196612:TKU196613 TAV196612:TAY196613 SQZ196612:SRC196613 SHD196612:SHG196613 RXH196612:RXK196613 RNL196612:RNO196613 RDP196612:RDS196613 QTT196612:QTW196613 QJX196612:QKA196613 QAB196612:QAE196613 PQF196612:PQI196613 PGJ196612:PGM196613 OWN196612:OWQ196613 OMR196612:OMU196613 OCV196612:OCY196613 NSZ196612:NTC196613 NJD196612:NJG196613 MZH196612:MZK196613 MPL196612:MPO196613 MFP196612:MFS196613 LVT196612:LVW196613 LLX196612:LMA196613 LCB196612:LCE196613 KSF196612:KSI196613 KIJ196612:KIM196613 JYN196612:JYQ196613 JOR196612:JOU196613 JEV196612:JEY196613 IUZ196612:IVC196613 ILD196612:ILG196613 IBH196612:IBK196613 HRL196612:HRO196613 HHP196612:HHS196613 GXT196612:GXW196613 GNX196612:GOA196613 GEB196612:GEE196613 FUF196612:FUI196613 FKJ196612:FKM196613 FAN196612:FAQ196613 EQR196612:EQU196613 EGV196612:EGY196613 DWZ196612:DXC196613 DND196612:DNG196613 DDH196612:DDK196613 CTL196612:CTO196613 CJP196612:CJS196613 BZT196612:BZW196613 BPX196612:BQA196613 BGB196612:BGE196613 AWF196612:AWI196613 AMJ196612:AMM196613 ACN196612:ACQ196613 SR196612:SU196613 IV196612:IY196613 J196612:M196613 WVH131076:WVK131077 WLL131076:WLO131077 WBP131076:WBS131077 VRT131076:VRW131077 VHX131076:VIA131077 UYB131076:UYE131077 UOF131076:UOI131077 UEJ131076:UEM131077 TUN131076:TUQ131077 TKR131076:TKU131077 TAV131076:TAY131077 SQZ131076:SRC131077 SHD131076:SHG131077 RXH131076:RXK131077 RNL131076:RNO131077 RDP131076:RDS131077 QTT131076:QTW131077 QJX131076:QKA131077 QAB131076:QAE131077 PQF131076:PQI131077 PGJ131076:PGM131077 OWN131076:OWQ131077 OMR131076:OMU131077 OCV131076:OCY131077 NSZ131076:NTC131077 NJD131076:NJG131077 MZH131076:MZK131077 MPL131076:MPO131077 MFP131076:MFS131077 LVT131076:LVW131077 LLX131076:LMA131077 LCB131076:LCE131077 KSF131076:KSI131077 KIJ131076:KIM131077 JYN131076:JYQ131077 JOR131076:JOU131077 JEV131076:JEY131077 IUZ131076:IVC131077 ILD131076:ILG131077 IBH131076:IBK131077 HRL131076:HRO131077 HHP131076:HHS131077 GXT131076:GXW131077 GNX131076:GOA131077 GEB131076:GEE131077 FUF131076:FUI131077 FKJ131076:FKM131077 FAN131076:FAQ131077 EQR131076:EQU131077 EGV131076:EGY131077 DWZ131076:DXC131077 DND131076:DNG131077 DDH131076:DDK131077 CTL131076:CTO131077 CJP131076:CJS131077 BZT131076:BZW131077 BPX131076:BQA131077 BGB131076:BGE131077 AWF131076:AWI131077 AMJ131076:AMM131077 ACN131076:ACQ131077 SR131076:SU131077 IV131076:IY131077 J131076:M131077 WVH65540:WVK65541 WLL65540:WLO65541 WBP65540:WBS65541 VRT65540:VRW65541 VHX65540:VIA65541 UYB65540:UYE65541 UOF65540:UOI65541 UEJ65540:UEM65541 TUN65540:TUQ65541 TKR65540:TKU65541 TAV65540:TAY65541 SQZ65540:SRC65541 SHD65540:SHG65541 RXH65540:RXK65541 RNL65540:RNO65541 RDP65540:RDS65541 QTT65540:QTW65541 QJX65540:QKA65541 QAB65540:QAE65541 PQF65540:PQI65541 PGJ65540:PGM65541 OWN65540:OWQ65541 OMR65540:OMU65541 OCV65540:OCY65541 NSZ65540:NTC65541 NJD65540:NJG65541 MZH65540:MZK65541 MPL65540:MPO65541 MFP65540:MFS65541 LVT65540:LVW65541 LLX65540:LMA65541 LCB65540:LCE65541 KSF65540:KSI65541 KIJ65540:KIM65541 JYN65540:JYQ65541 JOR65540:JOU65541 JEV65540:JEY65541 IUZ65540:IVC65541 ILD65540:ILG65541 IBH65540:IBK65541 HRL65540:HRO65541 HHP65540:HHS65541 GXT65540:GXW65541 GNX65540:GOA65541 GEB65540:GEE65541 FUF65540:FUI65541 FKJ65540:FKM65541 FAN65540:FAQ65541 EQR65540:EQU65541 EGV65540:EGY65541 DWZ65540:DXC65541 DND65540:DNG65541 DDH65540:DDK65541 CTL65540:CTO65541 CJP65540:CJS65541 BZT65540:BZW65541 BPX65540:BQA65541 BGB65540:BGE65541 AWF65540:AWI65541 AMJ65540:AMM65541 ACN65540:ACQ65541 SR65540:SU65541 IV65540:IY65541 J65540:M65541 WVM983044:WVO983044 WLQ983044:WLS983044 WBU983044:WBW983044 VRY983044:VSA983044 VIC983044:VIE983044 UYG983044:UYI983044 UOK983044:UOM983044 UEO983044:UEQ983044 TUS983044:TUU983044 TKW983044:TKY983044 TBA983044:TBC983044 SRE983044:SRG983044 SHI983044:SHK983044 RXM983044:RXO983044 RNQ983044:RNS983044 RDU983044:RDW983044 QTY983044:QUA983044 QKC983044:QKE983044 QAG983044:QAI983044 PQK983044:PQM983044 PGO983044:PGQ983044 OWS983044:OWU983044 OMW983044:OMY983044 ODA983044:ODC983044 NTE983044:NTG983044 NJI983044:NJK983044 MZM983044:MZO983044 MPQ983044:MPS983044 MFU983044:MFW983044 LVY983044:LWA983044 LMC983044:LME983044 LCG983044:LCI983044 KSK983044:KSM983044 KIO983044:KIQ983044 JYS983044:JYU983044 JOW983044:JOY983044 JFA983044:JFC983044 IVE983044:IVG983044 ILI983044:ILK983044 IBM983044:IBO983044 HRQ983044:HRS983044 HHU983044:HHW983044 GXY983044:GYA983044 GOC983044:GOE983044 GEG983044:GEI983044 FUK983044:FUM983044 FKO983044:FKQ983044 FAS983044:FAU983044 EQW983044:EQY983044 EHA983044:EHC983044 DXE983044:DXG983044 DNI983044:DNK983044 DDM983044:DDO983044 CTQ983044:CTS983044 CJU983044:CJW983044 BZY983044:CAA983044 BQC983044:BQE983044 BGG983044:BGI983044 AWK983044:AWM983044 AMO983044:AMQ983044 ACS983044:ACU983044 SW983044:SY983044 JA983044:JC983044 O983044:Q983044 WVM917508:WVO917508 WLQ917508:WLS917508 WBU917508:WBW917508 VRY917508:VSA917508 VIC917508:VIE917508 UYG917508:UYI917508 UOK917508:UOM917508 UEO917508:UEQ917508 TUS917508:TUU917508 TKW917508:TKY917508 TBA917508:TBC917508 SRE917508:SRG917508 SHI917508:SHK917508 RXM917508:RXO917508 RNQ917508:RNS917508 RDU917508:RDW917508 QTY917508:QUA917508 QKC917508:QKE917508 QAG917508:QAI917508 PQK917508:PQM917508 PGO917508:PGQ917508 OWS917508:OWU917508 OMW917508:OMY917508 ODA917508:ODC917508 NTE917508:NTG917508 NJI917508:NJK917508 MZM917508:MZO917508 MPQ917508:MPS917508 MFU917508:MFW917508 LVY917508:LWA917508 LMC917508:LME917508 LCG917508:LCI917508 KSK917508:KSM917508 KIO917508:KIQ917508 JYS917508:JYU917508 JOW917508:JOY917508 JFA917508:JFC917508 IVE917508:IVG917508 ILI917508:ILK917508 IBM917508:IBO917508 HRQ917508:HRS917508 HHU917508:HHW917508 GXY917508:GYA917508 GOC917508:GOE917508 GEG917508:GEI917508 FUK917508:FUM917508 FKO917508:FKQ917508 FAS917508:FAU917508 EQW917508:EQY917508 EHA917508:EHC917508 DXE917508:DXG917508 DNI917508:DNK917508 DDM917508:DDO917508 CTQ917508:CTS917508 CJU917508:CJW917508 BZY917508:CAA917508 BQC917508:BQE917508 BGG917508:BGI917508 AWK917508:AWM917508 AMO917508:AMQ917508 ACS917508:ACU917508 SW917508:SY917508 JA917508:JC917508 O917508:Q917508 WVM851972:WVO851972 WLQ851972:WLS851972 WBU851972:WBW851972 VRY851972:VSA851972 VIC851972:VIE851972 UYG851972:UYI851972 UOK851972:UOM851972 UEO851972:UEQ851972 TUS851972:TUU851972 TKW851972:TKY851972 TBA851972:TBC851972 SRE851972:SRG851972 SHI851972:SHK851972 RXM851972:RXO851972 RNQ851972:RNS851972 RDU851972:RDW851972 QTY851972:QUA851972 QKC851972:QKE851972 QAG851972:QAI851972 PQK851972:PQM851972 PGO851972:PGQ851972 OWS851972:OWU851972 OMW851972:OMY851972 ODA851972:ODC851972 NTE851972:NTG851972 NJI851972:NJK851972 MZM851972:MZO851972 MPQ851972:MPS851972 MFU851972:MFW851972 LVY851972:LWA851972 LMC851972:LME851972 LCG851972:LCI851972 KSK851972:KSM851972 KIO851972:KIQ851972 JYS851972:JYU851972 JOW851972:JOY851972 JFA851972:JFC851972 IVE851972:IVG851972 ILI851972:ILK851972 IBM851972:IBO851972 HRQ851972:HRS851972 HHU851972:HHW851972 GXY851972:GYA851972 GOC851972:GOE851972 GEG851972:GEI851972 FUK851972:FUM851972 FKO851972:FKQ851972 FAS851972:FAU851972 EQW851972:EQY851972 EHA851972:EHC851972 DXE851972:DXG851972 DNI851972:DNK851972 DDM851972:DDO851972 CTQ851972:CTS851972 CJU851972:CJW851972 BZY851972:CAA851972 BQC851972:BQE851972 BGG851972:BGI851972 AWK851972:AWM851972 AMO851972:AMQ851972 ACS851972:ACU851972 SW851972:SY851972 JA851972:JC851972 O851972:Q851972 WVM786436:WVO786436 WLQ786436:WLS786436 WBU786436:WBW786436 VRY786436:VSA786436 VIC786436:VIE786436 UYG786436:UYI786436 UOK786436:UOM786436 UEO786436:UEQ786436 TUS786436:TUU786436 TKW786436:TKY786436 TBA786436:TBC786436 SRE786436:SRG786436 SHI786436:SHK786436 RXM786436:RXO786436 RNQ786436:RNS786436 RDU786436:RDW786436 QTY786436:QUA786436 QKC786436:QKE786436 QAG786436:QAI786436 PQK786436:PQM786436 PGO786436:PGQ786436 OWS786436:OWU786436 OMW786436:OMY786436 ODA786436:ODC786436 NTE786436:NTG786436 NJI786436:NJK786436 MZM786436:MZO786436 MPQ786436:MPS786436 MFU786436:MFW786436 LVY786436:LWA786436 LMC786436:LME786436 LCG786436:LCI786436 KSK786436:KSM786436 KIO786436:KIQ786436 JYS786436:JYU786436 JOW786436:JOY786436 JFA786436:JFC786436 IVE786436:IVG786436 ILI786436:ILK786436 IBM786436:IBO786436 HRQ786436:HRS786436 HHU786436:HHW786436 GXY786436:GYA786436 GOC786436:GOE786436 GEG786436:GEI786436 FUK786436:FUM786436 FKO786436:FKQ786436 FAS786436:FAU786436 EQW786436:EQY786436 EHA786436:EHC786436 DXE786436:DXG786436 DNI786436:DNK786436 DDM786436:DDO786436 CTQ786436:CTS786436 CJU786436:CJW786436 BZY786436:CAA786436 BQC786436:BQE786436 BGG786436:BGI786436 AWK786436:AWM786436 AMO786436:AMQ786436 ACS786436:ACU786436 SW786436:SY786436 JA786436:JC786436 O786436:Q786436 WVM720900:WVO720900 WLQ720900:WLS720900 WBU720900:WBW720900 VRY720900:VSA720900 VIC720900:VIE720900 UYG720900:UYI720900 UOK720900:UOM720900 UEO720900:UEQ720900 TUS720900:TUU720900 TKW720900:TKY720900 TBA720900:TBC720900 SRE720900:SRG720900 SHI720900:SHK720900 RXM720900:RXO720900 RNQ720900:RNS720900 RDU720900:RDW720900 QTY720900:QUA720900 QKC720900:QKE720900 QAG720900:QAI720900 PQK720900:PQM720900 PGO720900:PGQ720900 OWS720900:OWU720900 OMW720900:OMY720900 ODA720900:ODC720900 NTE720900:NTG720900 NJI720900:NJK720900 MZM720900:MZO720900 MPQ720900:MPS720900 MFU720900:MFW720900 LVY720900:LWA720900 LMC720900:LME720900 LCG720900:LCI720900 KSK720900:KSM720900 KIO720900:KIQ720900 JYS720900:JYU720900 JOW720900:JOY720900 JFA720900:JFC720900 IVE720900:IVG720900 ILI720900:ILK720900 IBM720900:IBO720900 HRQ720900:HRS720900 HHU720900:HHW720900 GXY720900:GYA720900 GOC720900:GOE720900 GEG720900:GEI720900 FUK720900:FUM720900 FKO720900:FKQ720900 FAS720900:FAU720900 EQW720900:EQY720900 EHA720900:EHC720900 DXE720900:DXG720900 DNI720900:DNK720900 DDM720900:DDO720900 CTQ720900:CTS720900 CJU720900:CJW720900 BZY720900:CAA720900 BQC720900:BQE720900 BGG720900:BGI720900 AWK720900:AWM720900 AMO720900:AMQ720900 ACS720900:ACU720900 SW720900:SY720900 JA720900:JC720900 O720900:Q720900 WVM655364:WVO655364 WLQ655364:WLS655364 WBU655364:WBW655364 VRY655364:VSA655364 VIC655364:VIE655364 UYG655364:UYI655364 UOK655364:UOM655364 UEO655364:UEQ655364 TUS655364:TUU655364 TKW655364:TKY655364 TBA655364:TBC655364 SRE655364:SRG655364 SHI655364:SHK655364 RXM655364:RXO655364 RNQ655364:RNS655364 RDU655364:RDW655364 QTY655364:QUA655364 QKC655364:QKE655364 QAG655364:QAI655364 PQK655364:PQM655364 PGO655364:PGQ655364 OWS655364:OWU655364 OMW655364:OMY655364 ODA655364:ODC655364 NTE655364:NTG655364 NJI655364:NJK655364 MZM655364:MZO655364 MPQ655364:MPS655364 MFU655364:MFW655364 LVY655364:LWA655364 LMC655364:LME655364 LCG655364:LCI655364 KSK655364:KSM655364 KIO655364:KIQ655364 JYS655364:JYU655364 JOW655364:JOY655364 JFA655364:JFC655364 IVE655364:IVG655364 ILI655364:ILK655364 IBM655364:IBO655364 HRQ655364:HRS655364 HHU655364:HHW655364 GXY655364:GYA655364 GOC655364:GOE655364 GEG655364:GEI655364 FUK655364:FUM655364 FKO655364:FKQ655364 FAS655364:FAU655364 EQW655364:EQY655364 EHA655364:EHC655364 DXE655364:DXG655364 DNI655364:DNK655364 DDM655364:DDO655364 CTQ655364:CTS655364 CJU655364:CJW655364 BZY655364:CAA655364 BQC655364:BQE655364 BGG655364:BGI655364 AWK655364:AWM655364 AMO655364:AMQ655364 ACS655364:ACU655364 SW655364:SY655364 JA655364:JC655364 O655364:Q655364 WVM589828:WVO589828 WLQ589828:WLS589828 WBU589828:WBW589828 VRY589828:VSA589828 VIC589828:VIE589828 UYG589828:UYI589828 UOK589828:UOM589828 UEO589828:UEQ589828 TUS589828:TUU589828 TKW589828:TKY589828 TBA589828:TBC589828 SRE589828:SRG589828 SHI589828:SHK589828 RXM589828:RXO589828 RNQ589828:RNS589828 RDU589828:RDW589828 QTY589828:QUA589828 QKC589828:QKE589828 QAG589828:QAI589828 PQK589828:PQM589828 PGO589828:PGQ589828 OWS589828:OWU589828 OMW589828:OMY589828 ODA589828:ODC589828 NTE589828:NTG589828 NJI589828:NJK589828 MZM589828:MZO589828 MPQ589828:MPS589828 MFU589828:MFW589828 LVY589828:LWA589828 LMC589828:LME589828 LCG589828:LCI589828 KSK589828:KSM589828 KIO589828:KIQ589828 JYS589828:JYU589828 JOW589828:JOY589828 JFA589828:JFC589828 IVE589828:IVG589828 ILI589828:ILK589828 IBM589828:IBO589828 HRQ589828:HRS589828 HHU589828:HHW589828 GXY589828:GYA589828 GOC589828:GOE589828 GEG589828:GEI589828 FUK589828:FUM589828 FKO589828:FKQ589828 FAS589828:FAU589828 EQW589828:EQY589828 EHA589828:EHC589828 DXE589828:DXG589828 DNI589828:DNK589828 DDM589828:DDO589828 CTQ589828:CTS589828 CJU589828:CJW589828 BZY589828:CAA589828 BQC589828:BQE589828 BGG589828:BGI589828 AWK589828:AWM589828 AMO589828:AMQ589828 ACS589828:ACU589828 SW589828:SY589828 JA589828:JC589828 O589828:Q589828 WVM524292:WVO524292 WLQ524292:WLS524292 WBU524292:WBW524292 VRY524292:VSA524292 VIC524292:VIE524292 UYG524292:UYI524292 UOK524292:UOM524292 UEO524292:UEQ524292 TUS524292:TUU524292 TKW524292:TKY524292 TBA524292:TBC524292 SRE524292:SRG524292 SHI524292:SHK524292 RXM524292:RXO524292 RNQ524292:RNS524292 RDU524292:RDW524292 QTY524292:QUA524292 QKC524292:QKE524292 QAG524292:QAI524292 PQK524292:PQM524292 PGO524292:PGQ524292 OWS524292:OWU524292 OMW524292:OMY524292 ODA524292:ODC524292 NTE524292:NTG524292 NJI524292:NJK524292 MZM524292:MZO524292 MPQ524292:MPS524292 MFU524292:MFW524292 LVY524292:LWA524292 LMC524292:LME524292 LCG524292:LCI524292 KSK524292:KSM524292 KIO524292:KIQ524292 JYS524292:JYU524292 JOW524292:JOY524292 JFA524292:JFC524292 IVE524292:IVG524292 ILI524292:ILK524292 IBM524292:IBO524292 HRQ524292:HRS524292 HHU524292:HHW524292 GXY524292:GYA524292 GOC524292:GOE524292 GEG524292:GEI524292 FUK524292:FUM524292 FKO524292:FKQ524292 FAS524292:FAU524292 EQW524292:EQY524292 EHA524292:EHC524292 DXE524292:DXG524292 DNI524292:DNK524292 DDM524292:DDO524292 CTQ524292:CTS524292 CJU524292:CJW524292 BZY524292:CAA524292 BQC524292:BQE524292 BGG524292:BGI524292 AWK524292:AWM524292 AMO524292:AMQ524292 ACS524292:ACU524292 SW524292:SY524292 JA524292:JC524292 O524292:Q524292 WVM458756:WVO458756 WLQ458756:WLS458756 WBU458756:WBW458756 VRY458756:VSA458756 VIC458756:VIE458756 UYG458756:UYI458756 UOK458756:UOM458756 UEO458756:UEQ458756 TUS458756:TUU458756 TKW458756:TKY458756 TBA458756:TBC458756 SRE458756:SRG458756 SHI458756:SHK458756 RXM458756:RXO458756 RNQ458756:RNS458756 RDU458756:RDW458756 QTY458756:QUA458756 QKC458756:QKE458756 QAG458756:QAI458756 PQK458756:PQM458756 PGO458756:PGQ458756 OWS458756:OWU458756 OMW458756:OMY458756 ODA458756:ODC458756 NTE458756:NTG458756 NJI458756:NJK458756 MZM458756:MZO458756 MPQ458756:MPS458756 MFU458756:MFW458756 LVY458756:LWA458756 LMC458756:LME458756 LCG458756:LCI458756 KSK458756:KSM458756 KIO458756:KIQ458756 JYS458756:JYU458756 JOW458756:JOY458756 JFA458756:JFC458756 IVE458756:IVG458756 ILI458756:ILK458756 IBM458756:IBO458756 HRQ458756:HRS458756 HHU458756:HHW458756 GXY458756:GYA458756 GOC458756:GOE458756 GEG458756:GEI458756 FUK458756:FUM458756 FKO458756:FKQ458756 FAS458756:FAU458756 EQW458756:EQY458756 EHA458756:EHC458756 DXE458756:DXG458756 DNI458756:DNK458756 DDM458756:DDO458756 CTQ458756:CTS458756 CJU458756:CJW458756 BZY458756:CAA458756 BQC458756:BQE458756 BGG458756:BGI458756 AWK458756:AWM458756 AMO458756:AMQ458756 ACS458756:ACU458756 SW458756:SY458756 JA458756:JC458756 O458756:Q458756 WVM393220:WVO393220 WLQ393220:WLS393220 WBU393220:WBW393220 VRY393220:VSA393220 VIC393220:VIE393220 UYG393220:UYI393220 UOK393220:UOM393220 UEO393220:UEQ393220 TUS393220:TUU393220 TKW393220:TKY393220 TBA393220:TBC393220 SRE393220:SRG393220 SHI393220:SHK393220 RXM393220:RXO393220 RNQ393220:RNS393220 RDU393220:RDW393220 QTY393220:QUA393220 QKC393220:QKE393220 QAG393220:QAI393220 PQK393220:PQM393220 PGO393220:PGQ393220 OWS393220:OWU393220 OMW393220:OMY393220 ODA393220:ODC393220 NTE393220:NTG393220 NJI393220:NJK393220 MZM393220:MZO393220 MPQ393220:MPS393220 MFU393220:MFW393220 LVY393220:LWA393220 LMC393220:LME393220 LCG393220:LCI393220 KSK393220:KSM393220 KIO393220:KIQ393220 JYS393220:JYU393220 JOW393220:JOY393220 JFA393220:JFC393220 IVE393220:IVG393220 ILI393220:ILK393220 IBM393220:IBO393220 HRQ393220:HRS393220 HHU393220:HHW393220 GXY393220:GYA393220 GOC393220:GOE393220 GEG393220:GEI393220 FUK393220:FUM393220 FKO393220:FKQ393220 FAS393220:FAU393220 EQW393220:EQY393220 EHA393220:EHC393220 DXE393220:DXG393220 DNI393220:DNK393220 DDM393220:DDO393220 CTQ393220:CTS393220 CJU393220:CJW393220 BZY393220:CAA393220 BQC393220:BQE393220 BGG393220:BGI393220 AWK393220:AWM393220 AMO393220:AMQ393220 ACS393220:ACU393220 SW393220:SY393220 JA393220:JC393220 O393220:Q393220 WVM327684:WVO327684 WLQ327684:WLS327684 WBU327684:WBW327684 VRY327684:VSA327684 VIC327684:VIE327684 UYG327684:UYI327684 UOK327684:UOM327684 UEO327684:UEQ327684 TUS327684:TUU327684 TKW327684:TKY327684 TBA327684:TBC327684 SRE327684:SRG327684 SHI327684:SHK327684 RXM327684:RXO327684 RNQ327684:RNS327684 RDU327684:RDW327684 QTY327684:QUA327684 QKC327684:QKE327684 QAG327684:QAI327684 PQK327684:PQM327684 PGO327684:PGQ327684 OWS327684:OWU327684 OMW327684:OMY327684 ODA327684:ODC327684 NTE327684:NTG327684 NJI327684:NJK327684 MZM327684:MZO327684 MPQ327684:MPS327684 MFU327684:MFW327684 LVY327684:LWA327684 LMC327684:LME327684 LCG327684:LCI327684 KSK327684:KSM327684 KIO327684:KIQ327684 JYS327684:JYU327684 JOW327684:JOY327684 JFA327684:JFC327684 IVE327684:IVG327684 ILI327684:ILK327684 IBM327684:IBO327684 HRQ327684:HRS327684 HHU327684:HHW327684 GXY327684:GYA327684 GOC327684:GOE327684 GEG327684:GEI327684 FUK327684:FUM327684 FKO327684:FKQ327684 FAS327684:FAU327684 EQW327684:EQY327684 EHA327684:EHC327684 DXE327684:DXG327684 DNI327684:DNK327684 DDM327684:DDO327684 CTQ327684:CTS327684 CJU327684:CJW327684 BZY327684:CAA327684 BQC327684:BQE327684 BGG327684:BGI327684 AWK327684:AWM327684 AMO327684:AMQ327684 ACS327684:ACU327684 SW327684:SY327684 JA327684:JC327684 O327684:Q327684 WVM262148:WVO262148 WLQ262148:WLS262148 WBU262148:WBW262148 VRY262148:VSA262148 VIC262148:VIE262148 UYG262148:UYI262148 UOK262148:UOM262148 UEO262148:UEQ262148 TUS262148:TUU262148 TKW262148:TKY262148 TBA262148:TBC262148 SRE262148:SRG262148 SHI262148:SHK262148 RXM262148:RXO262148 RNQ262148:RNS262148 RDU262148:RDW262148 QTY262148:QUA262148 QKC262148:QKE262148 QAG262148:QAI262148 PQK262148:PQM262148 PGO262148:PGQ262148 OWS262148:OWU262148 OMW262148:OMY262148 ODA262148:ODC262148 NTE262148:NTG262148 NJI262148:NJK262148 MZM262148:MZO262148 MPQ262148:MPS262148 MFU262148:MFW262148 LVY262148:LWA262148 LMC262148:LME262148 LCG262148:LCI262148 KSK262148:KSM262148 KIO262148:KIQ262148 JYS262148:JYU262148 JOW262148:JOY262148 JFA262148:JFC262148 IVE262148:IVG262148 ILI262148:ILK262148 IBM262148:IBO262148 HRQ262148:HRS262148 HHU262148:HHW262148 GXY262148:GYA262148 GOC262148:GOE262148 GEG262148:GEI262148 FUK262148:FUM262148 FKO262148:FKQ262148 FAS262148:FAU262148 EQW262148:EQY262148 EHA262148:EHC262148 DXE262148:DXG262148 DNI262148:DNK262148 DDM262148:DDO262148 CTQ262148:CTS262148 CJU262148:CJW262148 BZY262148:CAA262148 BQC262148:BQE262148 BGG262148:BGI262148 AWK262148:AWM262148 AMO262148:AMQ262148 ACS262148:ACU262148 SW262148:SY262148 JA262148:JC262148 O262148:Q262148 WVM196612:WVO196612 WLQ196612:WLS196612 WBU196612:WBW196612 VRY196612:VSA196612 VIC196612:VIE196612 UYG196612:UYI196612 UOK196612:UOM196612 UEO196612:UEQ196612 TUS196612:TUU196612 TKW196612:TKY196612 TBA196612:TBC196612 SRE196612:SRG196612 SHI196612:SHK196612 RXM196612:RXO196612 RNQ196612:RNS196612 RDU196612:RDW196612 QTY196612:QUA196612 QKC196612:QKE196612 QAG196612:QAI196612 PQK196612:PQM196612 PGO196612:PGQ196612 OWS196612:OWU196612 OMW196612:OMY196612 ODA196612:ODC196612 NTE196612:NTG196612 NJI196612:NJK196612 MZM196612:MZO196612 MPQ196612:MPS196612 MFU196612:MFW196612 LVY196612:LWA196612 LMC196612:LME196612 LCG196612:LCI196612 KSK196612:KSM196612 KIO196612:KIQ196612 JYS196612:JYU196612 JOW196612:JOY196612 JFA196612:JFC196612 IVE196612:IVG196612 ILI196612:ILK196612 IBM196612:IBO196612 HRQ196612:HRS196612 HHU196612:HHW196612 GXY196612:GYA196612 GOC196612:GOE196612 GEG196612:GEI196612 FUK196612:FUM196612 FKO196612:FKQ196612 FAS196612:FAU196612 EQW196612:EQY196612 EHA196612:EHC196612 DXE196612:DXG196612 DNI196612:DNK196612 DDM196612:DDO196612 CTQ196612:CTS196612 CJU196612:CJW196612 BZY196612:CAA196612 BQC196612:BQE196612 BGG196612:BGI196612 AWK196612:AWM196612 AMO196612:AMQ196612 ACS196612:ACU196612 SW196612:SY196612 JA196612:JC196612 O196612:Q196612 WVM131076:WVO131076 WLQ131076:WLS131076 WBU131076:WBW131076 VRY131076:VSA131076 VIC131076:VIE131076 UYG131076:UYI131076 UOK131076:UOM131076 UEO131076:UEQ131076 TUS131076:TUU131076 TKW131076:TKY131076 TBA131076:TBC131076 SRE131076:SRG131076 SHI131076:SHK131076 RXM131076:RXO131076 RNQ131076:RNS131076 RDU131076:RDW131076 QTY131076:QUA131076 QKC131076:QKE131076 QAG131076:QAI131076 PQK131076:PQM131076 PGO131076:PGQ131076 OWS131076:OWU131076 OMW131076:OMY131076 ODA131076:ODC131076 NTE131076:NTG131076 NJI131076:NJK131076 MZM131076:MZO131076 MPQ131076:MPS131076 MFU131076:MFW131076 LVY131076:LWA131076 LMC131076:LME131076 LCG131076:LCI131076 KSK131076:KSM131076 KIO131076:KIQ131076 JYS131076:JYU131076 JOW131076:JOY131076 JFA131076:JFC131076 IVE131076:IVG131076 ILI131076:ILK131076 IBM131076:IBO131076 HRQ131076:HRS131076 HHU131076:HHW131076 GXY131076:GYA131076 GOC131076:GOE131076 GEG131076:GEI131076 FUK131076:FUM131076 FKO131076:FKQ131076 FAS131076:FAU131076 EQW131076:EQY131076 EHA131076:EHC131076 DXE131076:DXG131076 DNI131076:DNK131076 DDM131076:DDO131076 CTQ131076:CTS131076 CJU131076:CJW131076 BZY131076:CAA131076 BQC131076:BQE131076 BGG131076:BGI131076 AWK131076:AWM131076 AMO131076:AMQ131076 ACS131076:ACU131076 SW131076:SY131076 JA131076:JC131076 O131076:Q131076 WVM65540:WVO65540 WLQ65540:WLS65540 WBU65540:WBW65540 VRY65540:VSA65540 VIC65540:VIE65540 UYG65540:UYI65540 UOK65540:UOM65540 UEO65540:UEQ65540 TUS65540:TUU65540 TKW65540:TKY65540 TBA65540:TBC65540 SRE65540:SRG65540 SHI65540:SHK65540 RXM65540:RXO65540 RNQ65540:RNS65540 RDU65540:RDW65540 QTY65540:QUA65540 QKC65540:QKE65540 QAG65540:QAI65540 PQK65540:PQM65540 PGO65540:PGQ65540 OWS65540:OWU65540 OMW65540:OMY65540 ODA65540:ODC65540 NTE65540:NTG65540 NJI65540:NJK65540 MZM65540:MZO65540 MPQ65540:MPS65540 MFU65540:MFW65540 LVY65540:LWA65540 LMC65540:LME65540 LCG65540:LCI65540 KSK65540:KSM65540 KIO65540:KIQ65540 JYS65540:JYU65540 JOW65540:JOY65540 JFA65540:JFC65540 IVE65540:IVG65540 ILI65540:ILK65540 IBM65540:IBO65540 HRQ65540:HRS65540 HHU65540:HHW65540 GXY65540:GYA65540 GOC65540:GOE65540 GEG65540:GEI65540 FUK65540:FUM65540 FKO65540:FKQ65540 FAS65540:FAU65540 EQW65540:EQY65540 EHA65540:EHC65540 DXE65540:DXG65540 DNI65540:DNK65540 DDM65540:DDO65540 CTQ65540:CTS65540 CJU65540:CJW65540 BZY65540:CAA65540 BQC65540:BQE65540 BGG65540:BGI65540 AWK65540:AWM65540 AMO65540:AMQ65540 ACS65540:ACU65540 SW65540:SY65540 JA65540:JC65540 O65540:Q65540" xr:uid="{00000000-0002-0000-0500-000000000000}">
      <formula1>I65539&amp;""=ASC(I65539)</formula1>
    </dataValidation>
    <dataValidation imeMode="halfAlpha" allowBlank="1" showInputMessage="1" showErrorMessage="1" sqref="WVM983049:WVO983049 WLQ983049:WLS983049 WBU983049:WBW983049 VRY983049:VSA983049 VIC983049:VIE983049 UYG983049:UYI983049 UOK983049:UOM983049 UEO983049:UEQ983049 TUS983049:TUU983049 TKW983049:TKY983049 TBA983049:TBC983049 SRE983049:SRG983049 SHI983049:SHK983049 RXM983049:RXO983049 RNQ983049:RNS983049 RDU983049:RDW983049 QTY983049:QUA983049 QKC983049:QKE983049 QAG983049:QAI983049 PQK983049:PQM983049 PGO983049:PGQ983049 OWS983049:OWU983049 OMW983049:OMY983049 ODA983049:ODC983049 NTE983049:NTG983049 NJI983049:NJK983049 MZM983049:MZO983049 MPQ983049:MPS983049 MFU983049:MFW983049 LVY983049:LWA983049 LMC983049:LME983049 LCG983049:LCI983049 KSK983049:KSM983049 KIO983049:KIQ983049 JYS983049:JYU983049 JOW983049:JOY983049 JFA983049:JFC983049 IVE983049:IVG983049 ILI983049:ILK983049 IBM983049:IBO983049 HRQ983049:HRS983049 HHU983049:HHW983049 GXY983049:GYA983049 GOC983049:GOE983049 GEG983049:GEI983049 FUK983049:FUM983049 FKO983049:FKQ983049 FAS983049:FAU983049 EQW983049:EQY983049 EHA983049:EHC983049 DXE983049:DXG983049 DNI983049:DNK983049 DDM983049:DDO983049 CTQ983049:CTS983049 CJU983049:CJW983049 BZY983049:CAA983049 BQC983049:BQE983049 BGG983049:BGI983049 AWK983049:AWM983049 AMO983049:AMQ983049 ACS983049:ACU983049 SW983049:SY983049 JA983049:JC983049 O983049:Q983049 WVM917513:WVO917513 WLQ917513:WLS917513 WBU917513:WBW917513 VRY917513:VSA917513 VIC917513:VIE917513 UYG917513:UYI917513 UOK917513:UOM917513 UEO917513:UEQ917513 TUS917513:TUU917513 TKW917513:TKY917513 TBA917513:TBC917513 SRE917513:SRG917513 SHI917513:SHK917513 RXM917513:RXO917513 RNQ917513:RNS917513 RDU917513:RDW917513 QTY917513:QUA917513 QKC917513:QKE917513 QAG917513:QAI917513 PQK917513:PQM917513 PGO917513:PGQ917513 OWS917513:OWU917513 OMW917513:OMY917513 ODA917513:ODC917513 NTE917513:NTG917513 NJI917513:NJK917513 MZM917513:MZO917513 MPQ917513:MPS917513 MFU917513:MFW917513 LVY917513:LWA917513 LMC917513:LME917513 LCG917513:LCI917513 KSK917513:KSM917513 KIO917513:KIQ917513 JYS917513:JYU917513 JOW917513:JOY917513 JFA917513:JFC917513 IVE917513:IVG917513 ILI917513:ILK917513 IBM917513:IBO917513 HRQ917513:HRS917513 HHU917513:HHW917513 GXY917513:GYA917513 GOC917513:GOE917513 GEG917513:GEI917513 FUK917513:FUM917513 FKO917513:FKQ917513 FAS917513:FAU917513 EQW917513:EQY917513 EHA917513:EHC917513 DXE917513:DXG917513 DNI917513:DNK917513 DDM917513:DDO917513 CTQ917513:CTS917513 CJU917513:CJW917513 BZY917513:CAA917513 BQC917513:BQE917513 BGG917513:BGI917513 AWK917513:AWM917513 AMO917513:AMQ917513 ACS917513:ACU917513 SW917513:SY917513 JA917513:JC917513 O917513:Q917513 WVM851977:WVO851977 WLQ851977:WLS851977 WBU851977:WBW851977 VRY851977:VSA851977 VIC851977:VIE851977 UYG851977:UYI851977 UOK851977:UOM851977 UEO851977:UEQ851977 TUS851977:TUU851977 TKW851977:TKY851977 TBA851977:TBC851977 SRE851977:SRG851977 SHI851977:SHK851977 RXM851977:RXO851977 RNQ851977:RNS851977 RDU851977:RDW851977 QTY851977:QUA851977 QKC851977:QKE851977 QAG851977:QAI851977 PQK851977:PQM851977 PGO851977:PGQ851977 OWS851977:OWU851977 OMW851977:OMY851977 ODA851977:ODC851977 NTE851977:NTG851977 NJI851977:NJK851977 MZM851977:MZO851977 MPQ851977:MPS851977 MFU851977:MFW851977 LVY851977:LWA851977 LMC851977:LME851977 LCG851977:LCI851977 KSK851977:KSM851977 KIO851977:KIQ851977 JYS851977:JYU851977 JOW851977:JOY851977 JFA851977:JFC851977 IVE851977:IVG851977 ILI851977:ILK851977 IBM851977:IBO851977 HRQ851977:HRS851977 HHU851977:HHW851977 GXY851977:GYA851977 GOC851977:GOE851977 GEG851977:GEI851977 FUK851977:FUM851977 FKO851977:FKQ851977 FAS851977:FAU851977 EQW851977:EQY851977 EHA851977:EHC851977 DXE851977:DXG851977 DNI851977:DNK851977 DDM851977:DDO851977 CTQ851977:CTS851977 CJU851977:CJW851977 BZY851977:CAA851977 BQC851977:BQE851977 BGG851977:BGI851977 AWK851977:AWM851977 AMO851977:AMQ851977 ACS851977:ACU851977 SW851977:SY851977 JA851977:JC851977 O851977:Q851977 WVM786441:WVO786441 WLQ786441:WLS786441 WBU786441:WBW786441 VRY786441:VSA786441 VIC786441:VIE786441 UYG786441:UYI786441 UOK786441:UOM786441 UEO786441:UEQ786441 TUS786441:TUU786441 TKW786441:TKY786441 TBA786441:TBC786441 SRE786441:SRG786441 SHI786441:SHK786441 RXM786441:RXO786441 RNQ786441:RNS786441 RDU786441:RDW786441 QTY786441:QUA786441 QKC786441:QKE786441 QAG786441:QAI786441 PQK786441:PQM786441 PGO786441:PGQ786441 OWS786441:OWU786441 OMW786441:OMY786441 ODA786441:ODC786441 NTE786441:NTG786441 NJI786441:NJK786441 MZM786441:MZO786441 MPQ786441:MPS786441 MFU786441:MFW786441 LVY786441:LWA786441 LMC786441:LME786441 LCG786441:LCI786441 KSK786441:KSM786441 KIO786441:KIQ786441 JYS786441:JYU786441 JOW786441:JOY786441 JFA786441:JFC786441 IVE786441:IVG786441 ILI786441:ILK786441 IBM786441:IBO786441 HRQ786441:HRS786441 HHU786441:HHW786441 GXY786441:GYA786441 GOC786441:GOE786441 GEG786441:GEI786441 FUK786441:FUM786441 FKO786441:FKQ786441 FAS786441:FAU786441 EQW786441:EQY786441 EHA786441:EHC786441 DXE786441:DXG786441 DNI786441:DNK786441 DDM786441:DDO786441 CTQ786441:CTS786441 CJU786441:CJW786441 BZY786441:CAA786441 BQC786441:BQE786441 BGG786441:BGI786441 AWK786441:AWM786441 AMO786441:AMQ786441 ACS786441:ACU786441 SW786441:SY786441 JA786441:JC786441 O786441:Q786441 WVM720905:WVO720905 WLQ720905:WLS720905 WBU720905:WBW720905 VRY720905:VSA720905 VIC720905:VIE720905 UYG720905:UYI720905 UOK720905:UOM720905 UEO720905:UEQ720905 TUS720905:TUU720905 TKW720905:TKY720905 TBA720905:TBC720905 SRE720905:SRG720905 SHI720905:SHK720905 RXM720905:RXO720905 RNQ720905:RNS720905 RDU720905:RDW720905 QTY720905:QUA720905 QKC720905:QKE720905 QAG720905:QAI720905 PQK720905:PQM720905 PGO720905:PGQ720905 OWS720905:OWU720905 OMW720905:OMY720905 ODA720905:ODC720905 NTE720905:NTG720905 NJI720905:NJK720905 MZM720905:MZO720905 MPQ720905:MPS720905 MFU720905:MFW720905 LVY720905:LWA720905 LMC720905:LME720905 LCG720905:LCI720905 KSK720905:KSM720905 KIO720905:KIQ720905 JYS720905:JYU720905 JOW720905:JOY720905 JFA720905:JFC720905 IVE720905:IVG720905 ILI720905:ILK720905 IBM720905:IBO720905 HRQ720905:HRS720905 HHU720905:HHW720905 GXY720905:GYA720905 GOC720905:GOE720905 GEG720905:GEI720905 FUK720905:FUM720905 FKO720905:FKQ720905 FAS720905:FAU720905 EQW720905:EQY720905 EHA720905:EHC720905 DXE720905:DXG720905 DNI720905:DNK720905 DDM720905:DDO720905 CTQ720905:CTS720905 CJU720905:CJW720905 BZY720905:CAA720905 BQC720905:BQE720905 BGG720905:BGI720905 AWK720905:AWM720905 AMO720905:AMQ720905 ACS720905:ACU720905 SW720905:SY720905 JA720905:JC720905 O720905:Q720905 WVM655369:WVO655369 WLQ655369:WLS655369 WBU655369:WBW655369 VRY655369:VSA655369 VIC655369:VIE655369 UYG655369:UYI655369 UOK655369:UOM655369 UEO655369:UEQ655369 TUS655369:TUU655369 TKW655369:TKY655369 TBA655369:TBC655369 SRE655369:SRG655369 SHI655369:SHK655369 RXM655369:RXO655369 RNQ655369:RNS655369 RDU655369:RDW655369 QTY655369:QUA655369 QKC655369:QKE655369 QAG655369:QAI655369 PQK655369:PQM655369 PGO655369:PGQ655369 OWS655369:OWU655369 OMW655369:OMY655369 ODA655369:ODC655369 NTE655369:NTG655369 NJI655369:NJK655369 MZM655369:MZO655369 MPQ655369:MPS655369 MFU655369:MFW655369 LVY655369:LWA655369 LMC655369:LME655369 LCG655369:LCI655369 KSK655369:KSM655369 KIO655369:KIQ655369 JYS655369:JYU655369 JOW655369:JOY655369 JFA655369:JFC655369 IVE655369:IVG655369 ILI655369:ILK655369 IBM655369:IBO655369 HRQ655369:HRS655369 HHU655369:HHW655369 GXY655369:GYA655369 GOC655369:GOE655369 GEG655369:GEI655369 FUK655369:FUM655369 FKO655369:FKQ655369 FAS655369:FAU655369 EQW655369:EQY655369 EHA655369:EHC655369 DXE655369:DXG655369 DNI655369:DNK655369 DDM655369:DDO655369 CTQ655369:CTS655369 CJU655369:CJW655369 BZY655369:CAA655369 BQC655369:BQE655369 BGG655369:BGI655369 AWK655369:AWM655369 AMO655369:AMQ655369 ACS655369:ACU655369 SW655369:SY655369 JA655369:JC655369 O655369:Q655369 WVM589833:WVO589833 WLQ589833:WLS589833 WBU589833:WBW589833 VRY589833:VSA589833 VIC589833:VIE589833 UYG589833:UYI589833 UOK589833:UOM589833 UEO589833:UEQ589833 TUS589833:TUU589833 TKW589833:TKY589833 TBA589833:TBC589833 SRE589833:SRG589833 SHI589833:SHK589833 RXM589833:RXO589833 RNQ589833:RNS589833 RDU589833:RDW589833 QTY589833:QUA589833 QKC589833:QKE589833 QAG589833:QAI589833 PQK589833:PQM589833 PGO589833:PGQ589833 OWS589833:OWU589833 OMW589833:OMY589833 ODA589833:ODC589833 NTE589833:NTG589833 NJI589833:NJK589833 MZM589833:MZO589833 MPQ589833:MPS589833 MFU589833:MFW589833 LVY589833:LWA589833 LMC589833:LME589833 LCG589833:LCI589833 KSK589833:KSM589833 KIO589833:KIQ589833 JYS589833:JYU589833 JOW589833:JOY589833 JFA589833:JFC589833 IVE589833:IVG589833 ILI589833:ILK589833 IBM589833:IBO589833 HRQ589833:HRS589833 HHU589833:HHW589833 GXY589833:GYA589833 GOC589833:GOE589833 GEG589833:GEI589833 FUK589833:FUM589833 FKO589833:FKQ589833 FAS589833:FAU589833 EQW589833:EQY589833 EHA589833:EHC589833 DXE589833:DXG589833 DNI589833:DNK589833 DDM589833:DDO589833 CTQ589833:CTS589833 CJU589833:CJW589833 BZY589833:CAA589833 BQC589833:BQE589833 BGG589833:BGI589833 AWK589833:AWM589833 AMO589833:AMQ589833 ACS589833:ACU589833 SW589833:SY589833 JA589833:JC589833 O589833:Q589833 WVM524297:WVO524297 WLQ524297:WLS524297 WBU524297:WBW524297 VRY524297:VSA524297 VIC524297:VIE524297 UYG524297:UYI524297 UOK524297:UOM524297 UEO524297:UEQ524297 TUS524297:TUU524297 TKW524297:TKY524297 TBA524297:TBC524297 SRE524297:SRG524297 SHI524297:SHK524297 RXM524297:RXO524297 RNQ524297:RNS524297 RDU524297:RDW524297 QTY524297:QUA524297 QKC524297:QKE524297 QAG524297:QAI524297 PQK524297:PQM524297 PGO524297:PGQ524297 OWS524297:OWU524297 OMW524297:OMY524297 ODA524297:ODC524297 NTE524297:NTG524297 NJI524297:NJK524297 MZM524297:MZO524297 MPQ524297:MPS524297 MFU524297:MFW524297 LVY524297:LWA524297 LMC524297:LME524297 LCG524297:LCI524297 KSK524297:KSM524297 KIO524297:KIQ524297 JYS524297:JYU524297 JOW524297:JOY524297 JFA524297:JFC524297 IVE524297:IVG524297 ILI524297:ILK524297 IBM524297:IBO524297 HRQ524297:HRS524297 HHU524297:HHW524297 GXY524297:GYA524297 GOC524297:GOE524297 GEG524297:GEI524297 FUK524297:FUM524297 FKO524297:FKQ524297 FAS524297:FAU524297 EQW524297:EQY524297 EHA524297:EHC524297 DXE524297:DXG524297 DNI524297:DNK524297 DDM524297:DDO524297 CTQ524297:CTS524297 CJU524297:CJW524297 BZY524297:CAA524297 BQC524297:BQE524297 BGG524297:BGI524297 AWK524297:AWM524297 AMO524297:AMQ524297 ACS524297:ACU524297 SW524297:SY524297 JA524297:JC524297 O524297:Q524297 WVM458761:WVO458761 WLQ458761:WLS458761 WBU458761:WBW458761 VRY458761:VSA458761 VIC458761:VIE458761 UYG458761:UYI458761 UOK458761:UOM458761 UEO458761:UEQ458761 TUS458761:TUU458761 TKW458761:TKY458761 TBA458761:TBC458761 SRE458761:SRG458761 SHI458761:SHK458761 RXM458761:RXO458761 RNQ458761:RNS458761 RDU458761:RDW458761 QTY458761:QUA458761 QKC458761:QKE458761 QAG458761:QAI458761 PQK458761:PQM458761 PGO458761:PGQ458761 OWS458761:OWU458761 OMW458761:OMY458761 ODA458761:ODC458761 NTE458761:NTG458761 NJI458761:NJK458761 MZM458761:MZO458761 MPQ458761:MPS458761 MFU458761:MFW458761 LVY458761:LWA458761 LMC458761:LME458761 LCG458761:LCI458761 KSK458761:KSM458761 KIO458761:KIQ458761 JYS458761:JYU458761 JOW458761:JOY458761 JFA458761:JFC458761 IVE458761:IVG458761 ILI458761:ILK458761 IBM458761:IBO458761 HRQ458761:HRS458761 HHU458761:HHW458761 GXY458761:GYA458761 GOC458761:GOE458761 GEG458761:GEI458761 FUK458761:FUM458761 FKO458761:FKQ458761 FAS458761:FAU458761 EQW458761:EQY458761 EHA458761:EHC458761 DXE458761:DXG458761 DNI458761:DNK458761 DDM458761:DDO458761 CTQ458761:CTS458761 CJU458761:CJW458761 BZY458761:CAA458761 BQC458761:BQE458761 BGG458761:BGI458761 AWK458761:AWM458761 AMO458761:AMQ458761 ACS458761:ACU458761 SW458761:SY458761 JA458761:JC458761 O458761:Q458761 WVM393225:WVO393225 WLQ393225:WLS393225 WBU393225:WBW393225 VRY393225:VSA393225 VIC393225:VIE393225 UYG393225:UYI393225 UOK393225:UOM393225 UEO393225:UEQ393225 TUS393225:TUU393225 TKW393225:TKY393225 TBA393225:TBC393225 SRE393225:SRG393225 SHI393225:SHK393225 RXM393225:RXO393225 RNQ393225:RNS393225 RDU393225:RDW393225 QTY393225:QUA393225 QKC393225:QKE393225 QAG393225:QAI393225 PQK393225:PQM393225 PGO393225:PGQ393225 OWS393225:OWU393225 OMW393225:OMY393225 ODA393225:ODC393225 NTE393225:NTG393225 NJI393225:NJK393225 MZM393225:MZO393225 MPQ393225:MPS393225 MFU393225:MFW393225 LVY393225:LWA393225 LMC393225:LME393225 LCG393225:LCI393225 KSK393225:KSM393225 KIO393225:KIQ393225 JYS393225:JYU393225 JOW393225:JOY393225 JFA393225:JFC393225 IVE393225:IVG393225 ILI393225:ILK393225 IBM393225:IBO393225 HRQ393225:HRS393225 HHU393225:HHW393225 GXY393225:GYA393225 GOC393225:GOE393225 GEG393225:GEI393225 FUK393225:FUM393225 FKO393225:FKQ393225 FAS393225:FAU393225 EQW393225:EQY393225 EHA393225:EHC393225 DXE393225:DXG393225 DNI393225:DNK393225 DDM393225:DDO393225 CTQ393225:CTS393225 CJU393225:CJW393225 BZY393225:CAA393225 BQC393225:BQE393225 BGG393225:BGI393225 AWK393225:AWM393225 AMO393225:AMQ393225 ACS393225:ACU393225 SW393225:SY393225 JA393225:JC393225 O393225:Q393225 WVM327689:WVO327689 WLQ327689:WLS327689 WBU327689:WBW327689 VRY327689:VSA327689 VIC327689:VIE327689 UYG327689:UYI327689 UOK327689:UOM327689 UEO327689:UEQ327689 TUS327689:TUU327689 TKW327689:TKY327689 TBA327689:TBC327689 SRE327689:SRG327689 SHI327689:SHK327689 RXM327689:RXO327689 RNQ327689:RNS327689 RDU327689:RDW327689 QTY327689:QUA327689 QKC327689:QKE327689 QAG327689:QAI327689 PQK327689:PQM327689 PGO327689:PGQ327689 OWS327689:OWU327689 OMW327689:OMY327689 ODA327689:ODC327689 NTE327689:NTG327689 NJI327689:NJK327689 MZM327689:MZO327689 MPQ327689:MPS327689 MFU327689:MFW327689 LVY327689:LWA327689 LMC327689:LME327689 LCG327689:LCI327689 KSK327689:KSM327689 KIO327689:KIQ327689 JYS327689:JYU327689 JOW327689:JOY327689 JFA327689:JFC327689 IVE327689:IVG327689 ILI327689:ILK327689 IBM327689:IBO327689 HRQ327689:HRS327689 HHU327689:HHW327689 GXY327689:GYA327689 GOC327689:GOE327689 GEG327689:GEI327689 FUK327689:FUM327689 FKO327689:FKQ327689 FAS327689:FAU327689 EQW327689:EQY327689 EHA327689:EHC327689 DXE327689:DXG327689 DNI327689:DNK327689 DDM327689:DDO327689 CTQ327689:CTS327689 CJU327689:CJW327689 BZY327689:CAA327689 BQC327689:BQE327689 BGG327689:BGI327689 AWK327689:AWM327689 AMO327689:AMQ327689 ACS327689:ACU327689 SW327689:SY327689 JA327689:JC327689 O327689:Q327689 WVM262153:WVO262153 WLQ262153:WLS262153 WBU262153:WBW262153 VRY262153:VSA262153 VIC262153:VIE262153 UYG262153:UYI262153 UOK262153:UOM262153 UEO262153:UEQ262153 TUS262153:TUU262153 TKW262153:TKY262153 TBA262153:TBC262153 SRE262153:SRG262153 SHI262153:SHK262153 RXM262153:RXO262153 RNQ262153:RNS262153 RDU262153:RDW262153 QTY262153:QUA262153 QKC262153:QKE262153 QAG262153:QAI262153 PQK262153:PQM262153 PGO262153:PGQ262153 OWS262153:OWU262153 OMW262153:OMY262153 ODA262153:ODC262153 NTE262153:NTG262153 NJI262153:NJK262153 MZM262153:MZO262153 MPQ262153:MPS262153 MFU262153:MFW262153 LVY262153:LWA262153 LMC262153:LME262153 LCG262153:LCI262153 KSK262153:KSM262153 KIO262153:KIQ262153 JYS262153:JYU262153 JOW262153:JOY262153 JFA262153:JFC262153 IVE262153:IVG262153 ILI262153:ILK262153 IBM262153:IBO262153 HRQ262153:HRS262153 HHU262153:HHW262153 GXY262153:GYA262153 GOC262153:GOE262153 GEG262153:GEI262153 FUK262153:FUM262153 FKO262153:FKQ262153 FAS262153:FAU262153 EQW262153:EQY262153 EHA262153:EHC262153 DXE262153:DXG262153 DNI262153:DNK262153 DDM262153:DDO262153 CTQ262153:CTS262153 CJU262153:CJW262153 BZY262153:CAA262153 BQC262153:BQE262153 BGG262153:BGI262153 AWK262153:AWM262153 AMO262153:AMQ262153 ACS262153:ACU262153 SW262153:SY262153 JA262153:JC262153 O262153:Q262153 WVM196617:WVO196617 WLQ196617:WLS196617 WBU196617:WBW196617 VRY196617:VSA196617 VIC196617:VIE196617 UYG196617:UYI196617 UOK196617:UOM196617 UEO196617:UEQ196617 TUS196617:TUU196617 TKW196617:TKY196617 TBA196617:TBC196617 SRE196617:SRG196617 SHI196617:SHK196617 RXM196617:RXO196617 RNQ196617:RNS196617 RDU196617:RDW196617 QTY196617:QUA196617 QKC196617:QKE196617 QAG196617:QAI196617 PQK196617:PQM196617 PGO196617:PGQ196617 OWS196617:OWU196617 OMW196617:OMY196617 ODA196617:ODC196617 NTE196617:NTG196617 NJI196617:NJK196617 MZM196617:MZO196617 MPQ196617:MPS196617 MFU196617:MFW196617 LVY196617:LWA196617 LMC196617:LME196617 LCG196617:LCI196617 KSK196617:KSM196617 KIO196617:KIQ196617 JYS196617:JYU196617 JOW196617:JOY196617 JFA196617:JFC196617 IVE196617:IVG196617 ILI196617:ILK196617 IBM196617:IBO196617 HRQ196617:HRS196617 HHU196617:HHW196617 GXY196617:GYA196617 GOC196617:GOE196617 GEG196617:GEI196617 FUK196617:FUM196617 FKO196617:FKQ196617 FAS196617:FAU196617 EQW196617:EQY196617 EHA196617:EHC196617 DXE196617:DXG196617 DNI196617:DNK196617 DDM196617:DDO196617 CTQ196617:CTS196617 CJU196617:CJW196617 BZY196617:CAA196617 BQC196617:BQE196617 BGG196617:BGI196617 AWK196617:AWM196617 AMO196617:AMQ196617 ACS196617:ACU196617 SW196617:SY196617 JA196617:JC196617 O196617:Q196617 WVM131081:WVO131081 WLQ131081:WLS131081 WBU131081:WBW131081 VRY131081:VSA131081 VIC131081:VIE131081 UYG131081:UYI131081 UOK131081:UOM131081 UEO131081:UEQ131081 TUS131081:TUU131081 TKW131081:TKY131081 TBA131081:TBC131081 SRE131081:SRG131081 SHI131081:SHK131081 RXM131081:RXO131081 RNQ131081:RNS131081 RDU131081:RDW131081 QTY131081:QUA131081 QKC131081:QKE131081 QAG131081:QAI131081 PQK131081:PQM131081 PGO131081:PGQ131081 OWS131081:OWU131081 OMW131081:OMY131081 ODA131081:ODC131081 NTE131081:NTG131081 NJI131081:NJK131081 MZM131081:MZO131081 MPQ131081:MPS131081 MFU131081:MFW131081 LVY131081:LWA131081 LMC131081:LME131081 LCG131081:LCI131081 KSK131081:KSM131081 KIO131081:KIQ131081 JYS131081:JYU131081 JOW131081:JOY131081 JFA131081:JFC131081 IVE131081:IVG131081 ILI131081:ILK131081 IBM131081:IBO131081 HRQ131081:HRS131081 HHU131081:HHW131081 GXY131081:GYA131081 GOC131081:GOE131081 GEG131081:GEI131081 FUK131081:FUM131081 FKO131081:FKQ131081 FAS131081:FAU131081 EQW131081:EQY131081 EHA131081:EHC131081 DXE131081:DXG131081 DNI131081:DNK131081 DDM131081:DDO131081 CTQ131081:CTS131081 CJU131081:CJW131081 BZY131081:CAA131081 BQC131081:BQE131081 BGG131081:BGI131081 AWK131081:AWM131081 AMO131081:AMQ131081 ACS131081:ACU131081 SW131081:SY131081 JA131081:JC131081 O131081:Q131081 WVM65545:WVO65545 WLQ65545:WLS65545 WBU65545:WBW65545 VRY65545:VSA65545 VIC65545:VIE65545 UYG65545:UYI65545 UOK65545:UOM65545 UEO65545:UEQ65545 TUS65545:TUU65545 TKW65545:TKY65545 TBA65545:TBC65545 SRE65545:SRG65545 SHI65545:SHK65545 RXM65545:RXO65545 RNQ65545:RNS65545 RDU65545:RDW65545 QTY65545:QUA65545 QKC65545:QKE65545 QAG65545:QAI65545 PQK65545:PQM65545 PGO65545:PGQ65545 OWS65545:OWU65545 OMW65545:OMY65545 ODA65545:ODC65545 NTE65545:NTG65545 NJI65545:NJK65545 MZM65545:MZO65545 MPQ65545:MPS65545 MFU65545:MFW65545 LVY65545:LWA65545 LMC65545:LME65545 LCG65545:LCI65545 KSK65545:KSM65545 KIO65545:KIQ65545 JYS65545:JYU65545 JOW65545:JOY65545 JFA65545:JFC65545 IVE65545:IVG65545 ILI65545:ILK65545 IBM65545:IBO65545 HRQ65545:HRS65545 HHU65545:HHW65545 GXY65545:GYA65545 GOC65545:GOE65545 GEG65545:GEI65545 FUK65545:FUM65545 FKO65545:FKQ65545 FAS65545:FAU65545 EQW65545:EQY65545 EHA65545:EHC65545 DXE65545:DXG65545 DNI65545:DNK65545 DDM65545:DDO65545 CTQ65545:CTS65545 CJU65545:CJW65545 BZY65545:CAA65545 BQC65545:BQE65545 BGG65545:BGI65545 AWK65545:AWM65545 AMO65545:AMQ65545 ACS65545:ACU65545 SW65545:SY65545 JA65545:JC65545 O65545:Q65545" xr:uid="{00000000-0002-0000-0500-000001000000}"/>
    <dataValidation type="custom" imeMode="halfAlpha" allowBlank="1" showInputMessage="1" showErrorMessage="1" sqref="WVG983040 WLK983040 WBO983040 VRS983040 VHW983040 UYA983040 UOE983040 UEI983040 TUM983040 TKQ983040 TAU983040 SQY983040 SHC983040 RXG983040 RNK983040 RDO983040 QTS983040 QJW983040 QAA983040 PQE983040 PGI983040 OWM983040 OMQ983040 OCU983040 NSY983040 NJC983040 MZG983040 MPK983040 MFO983040 LVS983040 LLW983040 LCA983040 KSE983040 KII983040 JYM983040 JOQ983040 JEU983040 IUY983040 ILC983040 IBG983040 HRK983040 HHO983040 GXS983040 GNW983040 GEA983040 FUE983040 FKI983040 FAM983040 EQQ983040 EGU983040 DWY983040 DNC983040 DDG983040 CTK983040 CJO983040 BZS983040 BPW983040 BGA983040 AWE983040 AMI983040 ACM983040 SQ983040 IU983040 I983040 WVG917504 WLK917504 WBO917504 VRS917504 VHW917504 UYA917504 UOE917504 UEI917504 TUM917504 TKQ917504 TAU917504 SQY917504 SHC917504 RXG917504 RNK917504 RDO917504 QTS917504 QJW917504 QAA917504 PQE917504 PGI917504 OWM917504 OMQ917504 OCU917504 NSY917504 NJC917504 MZG917504 MPK917504 MFO917504 LVS917504 LLW917504 LCA917504 KSE917504 KII917504 JYM917504 JOQ917504 JEU917504 IUY917504 ILC917504 IBG917504 HRK917504 HHO917504 GXS917504 GNW917504 GEA917504 FUE917504 FKI917504 FAM917504 EQQ917504 EGU917504 DWY917504 DNC917504 DDG917504 CTK917504 CJO917504 BZS917504 BPW917504 BGA917504 AWE917504 AMI917504 ACM917504 SQ917504 IU917504 I917504 WVG851968 WLK851968 WBO851968 VRS851968 VHW851968 UYA851968 UOE851968 UEI851968 TUM851968 TKQ851968 TAU851968 SQY851968 SHC851968 RXG851968 RNK851968 RDO851968 QTS851968 QJW851968 QAA851968 PQE851968 PGI851968 OWM851968 OMQ851968 OCU851968 NSY851968 NJC851968 MZG851968 MPK851968 MFO851968 LVS851968 LLW851968 LCA851968 KSE851968 KII851968 JYM851968 JOQ851968 JEU851968 IUY851968 ILC851968 IBG851968 HRK851968 HHO851968 GXS851968 GNW851968 GEA851968 FUE851968 FKI851968 FAM851968 EQQ851968 EGU851968 DWY851968 DNC851968 DDG851968 CTK851968 CJO851968 BZS851968 BPW851968 BGA851968 AWE851968 AMI851968 ACM851968 SQ851968 IU851968 I851968 WVG786432 WLK786432 WBO786432 VRS786432 VHW786432 UYA786432 UOE786432 UEI786432 TUM786432 TKQ786432 TAU786432 SQY786432 SHC786432 RXG786432 RNK786432 RDO786432 QTS786432 QJW786432 QAA786432 PQE786432 PGI786432 OWM786432 OMQ786432 OCU786432 NSY786432 NJC786432 MZG786432 MPK786432 MFO786432 LVS786432 LLW786432 LCA786432 KSE786432 KII786432 JYM786432 JOQ786432 JEU786432 IUY786432 ILC786432 IBG786432 HRK786432 HHO786432 GXS786432 GNW786432 GEA786432 FUE786432 FKI786432 FAM786432 EQQ786432 EGU786432 DWY786432 DNC786432 DDG786432 CTK786432 CJO786432 BZS786432 BPW786432 BGA786432 AWE786432 AMI786432 ACM786432 SQ786432 IU786432 I786432 WVG720896 WLK720896 WBO720896 VRS720896 VHW720896 UYA720896 UOE720896 UEI720896 TUM720896 TKQ720896 TAU720896 SQY720896 SHC720896 RXG720896 RNK720896 RDO720896 QTS720896 QJW720896 QAA720896 PQE720896 PGI720896 OWM720896 OMQ720896 OCU720896 NSY720896 NJC720896 MZG720896 MPK720896 MFO720896 LVS720896 LLW720896 LCA720896 KSE720896 KII720896 JYM720896 JOQ720896 JEU720896 IUY720896 ILC720896 IBG720896 HRK720896 HHO720896 GXS720896 GNW720896 GEA720896 FUE720896 FKI720896 FAM720896 EQQ720896 EGU720896 DWY720896 DNC720896 DDG720896 CTK720896 CJO720896 BZS720896 BPW720896 BGA720896 AWE720896 AMI720896 ACM720896 SQ720896 IU720896 I720896 WVG655360 WLK655360 WBO655360 VRS655360 VHW655360 UYA655360 UOE655360 UEI655360 TUM655360 TKQ655360 TAU655360 SQY655360 SHC655360 RXG655360 RNK655360 RDO655360 QTS655360 QJW655360 QAA655360 PQE655360 PGI655360 OWM655360 OMQ655360 OCU655360 NSY655360 NJC655360 MZG655360 MPK655360 MFO655360 LVS655360 LLW655360 LCA655360 KSE655360 KII655360 JYM655360 JOQ655360 JEU655360 IUY655360 ILC655360 IBG655360 HRK655360 HHO655360 GXS655360 GNW655360 GEA655360 FUE655360 FKI655360 FAM655360 EQQ655360 EGU655360 DWY655360 DNC655360 DDG655360 CTK655360 CJO655360 BZS655360 BPW655360 BGA655360 AWE655360 AMI655360 ACM655360 SQ655360 IU655360 I655360 WVG589824 WLK589824 WBO589824 VRS589824 VHW589824 UYA589824 UOE589824 UEI589824 TUM589824 TKQ589824 TAU589824 SQY589824 SHC589824 RXG589824 RNK589824 RDO589824 QTS589824 QJW589824 QAA589824 PQE589824 PGI589824 OWM589824 OMQ589824 OCU589824 NSY589824 NJC589824 MZG589824 MPK589824 MFO589824 LVS589824 LLW589824 LCA589824 KSE589824 KII589824 JYM589824 JOQ589824 JEU589824 IUY589824 ILC589824 IBG589824 HRK589824 HHO589824 GXS589824 GNW589824 GEA589824 FUE589824 FKI589824 FAM589824 EQQ589824 EGU589824 DWY589824 DNC589824 DDG589824 CTK589824 CJO589824 BZS589824 BPW589824 BGA589824 AWE589824 AMI589824 ACM589824 SQ589824 IU589824 I589824 WVG524288 WLK524288 WBO524288 VRS524288 VHW524288 UYA524288 UOE524288 UEI524288 TUM524288 TKQ524288 TAU524288 SQY524288 SHC524288 RXG524288 RNK524288 RDO524288 QTS524288 QJW524288 QAA524288 PQE524288 PGI524288 OWM524288 OMQ524288 OCU524288 NSY524288 NJC524288 MZG524288 MPK524288 MFO524288 LVS524288 LLW524288 LCA524288 KSE524288 KII524288 JYM524288 JOQ524288 JEU524288 IUY524288 ILC524288 IBG524288 HRK524288 HHO524288 GXS524288 GNW524288 GEA524288 FUE524288 FKI524288 FAM524288 EQQ524288 EGU524288 DWY524288 DNC524288 DDG524288 CTK524288 CJO524288 BZS524288 BPW524288 BGA524288 AWE524288 AMI524288 ACM524288 SQ524288 IU524288 I524288 WVG458752 WLK458752 WBO458752 VRS458752 VHW458752 UYA458752 UOE458752 UEI458752 TUM458752 TKQ458752 TAU458752 SQY458752 SHC458752 RXG458752 RNK458752 RDO458752 QTS458752 QJW458752 QAA458752 PQE458752 PGI458752 OWM458752 OMQ458752 OCU458752 NSY458752 NJC458752 MZG458752 MPK458752 MFO458752 LVS458752 LLW458752 LCA458752 KSE458752 KII458752 JYM458752 JOQ458752 JEU458752 IUY458752 ILC458752 IBG458752 HRK458752 HHO458752 GXS458752 GNW458752 GEA458752 FUE458752 FKI458752 FAM458752 EQQ458752 EGU458752 DWY458752 DNC458752 DDG458752 CTK458752 CJO458752 BZS458752 BPW458752 BGA458752 AWE458752 AMI458752 ACM458752 SQ458752 IU458752 I458752 WVG393216 WLK393216 WBO393216 VRS393216 VHW393216 UYA393216 UOE393216 UEI393216 TUM393216 TKQ393216 TAU393216 SQY393216 SHC393216 RXG393216 RNK393216 RDO393216 QTS393216 QJW393216 QAA393216 PQE393216 PGI393216 OWM393216 OMQ393216 OCU393216 NSY393216 NJC393216 MZG393216 MPK393216 MFO393216 LVS393216 LLW393216 LCA393216 KSE393216 KII393216 JYM393216 JOQ393216 JEU393216 IUY393216 ILC393216 IBG393216 HRK393216 HHO393216 GXS393216 GNW393216 GEA393216 FUE393216 FKI393216 FAM393216 EQQ393216 EGU393216 DWY393216 DNC393216 DDG393216 CTK393216 CJO393216 BZS393216 BPW393216 BGA393216 AWE393216 AMI393216 ACM393216 SQ393216 IU393216 I393216 WVG327680 WLK327680 WBO327680 VRS327680 VHW327680 UYA327680 UOE327680 UEI327680 TUM327680 TKQ327680 TAU327680 SQY327680 SHC327680 RXG327680 RNK327680 RDO327680 QTS327680 QJW327680 QAA327680 PQE327680 PGI327680 OWM327680 OMQ327680 OCU327680 NSY327680 NJC327680 MZG327680 MPK327680 MFO327680 LVS327680 LLW327680 LCA327680 KSE327680 KII327680 JYM327680 JOQ327680 JEU327680 IUY327680 ILC327680 IBG327680 HRK327680 HHO327680 GXS327680 GNW327680 GEA327680 FUE327680 FKI327680 FAM327680 EQQ327680 EGU327680 DWY327680 DNC327680 DDG327680 CTK327680 CJO327680 BZS327680 BPW327680 BGA327680 AWE327680 AMI327680 ACM327680 SQ327680 IU327680 I327680 WVG262144 WLK262144 WBO262144 VRS262144 VHW262144 UYA262144 UOE262144 UEI262144 TUM262144 TKQ262144 TAU262144 SQY262144 SHC262144 RXG262144 RNK262144 RDO262144 QTS262144 QJW262144 QAA262144 PQE262144 PGI262144 OWM262144 OMQ262144 OCU262144 NSY262144 NJC262144 MZG262144 MPK262144 MFO262144 LVS262144 LLW262144 LCA262144 KSE262144 KII262144 JYM262144 JOQ262144 JEU262144 IUY262144 ILC262144 IBG262144 HRK262144 HHO262144 GXS262144 GNW262144 GEA262144 FUE262144 FKI262144 FAM262144 EQQ262144 EGU262144 DWY262144 DNC262144 DDG262144 CTK262144 CJO262144 BZS262144 BPW262144 BGA262144 AWE262144 AMI262144 ACM262144 SQ262144 IU262144 I262144 WVG196608 WLK196608 WBO196608 VRS196608 VHW196608 UYA196608 UOE196608 UEI196608 TUM196608 TKQ196608 TAU196608 SQY196608 SHC196608 RXG196608 RNK196608 RDO196608 QTS196608 QJW196608 QAA196608 PQE196608 PGI196608 OWM196608 OMQ196608 OCU196608 NSY196608 NJC196608 MZG196608 MPK196608 MFO196608 LVS196608 LLW196608 LCA196608 KSE196608 KII196608 JYM196608 JOQ196608 JEU196608 IUY196608 ILC196608 IBG196608 HRK196608 HHO196608 GXS196608 GNW196608 GEA196608 FUE196608 FKI196608 FAM196608 EQQ196608 EGU196608 DWY196608 DNC196608 DDG196608 CTK196608 CJO196608 BZS196608 BPW196608 BGA196608 AWE196608 AMI196608 ACM196608 SQ196608 IU196608 I196608 WVG131072 WLK131072 WBO131072 VRS131072 VHW131072 UYA131072 UOE131072 UEI131072 TUM131072 TKQ131072 TAU131072 SQY131072 SHC131072 RXG131072 RNK131072 RDO131072 QTS131072 QJW131072 QAA131072 PQE131072 PGI131072 OWM131072 OMQ131072 OCU131072 NSY131072 NJC131072 MZG131072 MPK131072 MFO131072 LVS131072 LLW131072 LCA131072 KSE131072 KII131072 JYM131072 JOQ131072 JEU131072 IUY131072 ILC131072 IBG131072 HRK131072 HHO131072 GXS131072 GNW131072 GEA131072 FUE131072 FKI131072 FAM131072 EQQ131072 EGU131072 DWY131072 DNC131072 DDG131072 CTK131072 CJO131072 BZS131072 BPW131072 BGA131072 AWE131072 AMI131072 ACM131072 SQ131072 IU131072 I131072 WVG65536 WLK65536 WBO65536 VRS65536 VHW65536 UYA65536 UOE65536 UEI65536 TUM65536 TKQ65536 TAU65536 SQY65536 SHC65536 RXG65536 RNK65536 RDO65536 QTS65536 QJW65536 QAA65536 PQE65536 PGI65536 OWM65536 OMQ65536 OCU65536 NSY65536 NJC65536 MZG65536 MPK65536 MFO65536 LVS65536 LLW65536 LCA65536 KSE65536 KII65536 JYM65536 JOQ65536 JEU65536 IUY65536 ILC65536 IBG65536 HRK65536 HHO65536 GXS65536 GNW65536 GEA65536 FUE65536 FKI65536 FAM65536 EQQ65536 EGU65536 DWY65536 DNC65536 DDG65536 CTK65536 CJO65536 BZS65536 BPW65536 BGA65536 AWE65536 AMI65536 ACM65536 SQ65536 IU65536 I65536" xr:uid="{00000000-0002-0000-0500-000002000000}">
      <formula1>I65536&amp;""=ASC(I65536)</formula1>
    </dataValidation>
    <dataValidation type="custom" allowBlank="1" showInputMessage="1" showErrorMessage="1" errorTitle="入力内容に誤りがあります" error="全角で入力してください" sqref="WVG983041:WVO983041 WLK983041:WLS983041 WBO983041:WBW983041 VRS983041:VSA983041 VHW983041:VIE983041 UYA983041:UYI983041 UOE983041:UOM983041 UEI983041:UEQ983041 TUM983041:TUU983041 TKQ983041:TKY983041 TAU983041:TBC983041 SQY983041:SRG983041 SHC983041:SHK983041 RXG983041:RXO983041 RNK983041:RNS983041 RDO983041:RDW983041 QTS983041:QUA983041 QJW983041:QKE983041 QAA983041:QAI983041 PQE983041:PQM983041 PGI983041:PGQ983041 OWM983041:OWU983041 OMQ983041:OMY983041 OCU983041:ODC983041 NSY983041:NTG983041 NJC983041:NJK983041 MZG983041:MZO983041 MPK983041:MPS983041 MFO983041:MFW983041 LVS983041:LWA983041 LLW983041:LME983041 LCA983041:LCI983041 KSE983041:KSM983041 KII983041:KIQ983041 JYM983041:JYU983041 JOQ983041:JOY983041 JEU983041:JFC983041 IUY983041:IVG983041 ILC983041:ILK983041 IBG983041:IBO983041 HRK983041:HRS983041 HHO983041:HHW983041 GXS983041:GYA983041 GNW983041:GOE983041 GEA983041:GEI983041 FUE983041:FUM983041 FKI983041:FKQ983041 FAM983041:FAU983041 EQQ983041:EQY983041 EGU983041:EHC983041 DWY983041:DXG983041 DNC983041:DNK983041 DDG983041:DDO983041 CTK983041:CTS983041 CJO983041:CJW983041 BZS983041:CAA983041 BPW983041:BQE983041 BGA983041:BGI983041 AWE983041:AWM983041 AMI983041:AMQ983041 ACM983041:ACU983041 SQ983041:SY983041 IU983041:JC983041 I983041:Q983041 WVG917505:WVO917505 WLK917505:WLS917505 WBO917505:WBW917505 VRS917505:VSA917505 VHW917505:VIE917505 UYA917505:UYI917505 UOE917505:UOM917505 UEI917505:UEQ917505 TUM917505:TUU917505 TKQ917505:TKY917505 TAU917505:TBC917505 SQY917505:SRG917505 SHC917505:SHK917505 RXG917505:RXO917505 RNK917505:RNS917505 RDO917505:RDW917505 QTS917505:QUA917505 QJW917505:QKE917505 QAA917505:QAI917505 PQE917505:PQM917505 PGI917505:PGQ917505 OWM917505:OWU917505 OMQ917505:OMY917505 OCU917505:ODC917505 NSY917505:NTG917505 NJC917505:NJK917505 MZG917505:MZO917505 MPK917505:MPS917505 MFO917505:MFW917505 LVS917505:LWA917505 LLW917505:LME917505 LCA917505:LCI917505 KSE917505:KSM917505 KII917505:KIQ917505 JYM917505:JYU917505 JOQ917505:JOY917505 JEU917505:JFC917505 IUY917505:IVG917505 ILC917505:ILK917505 IBG917505:IBO917505 HRK917505:HRS917505 HHO917505:HHW917505 GXS917505:GYA917505 GNW917505:GOE917505 GEA917505:GEI917505 FUE917505:FUM917505 FKI917505:FKQ917505 FAM917505:FAU917505 EQQ917505:EQY917505 EGU917505:EHC917505 DWY917505:DXG917505 DNC917505:DNK917505 DDG917505:DDO917505 CTK917505:CTS917505 CJO917505:CJW917505 BZS917505:CAA917505 BPW917505:BQE917505 BGA917505:BGI917505 AWE917505:AWM917505 AMI917505:AMQ917505 ACM917505:ACU917505 SQ917505:SY917505 IU917505:JC917505 I917505:Q917505 WVG851969:WVO851969 WLK851969:WLS851969 WBO851969:WBW851969 VRS851969:VSA851969 VHW851969:VIE851969 UYA851969:UYI851969 UOE851969:UOM851969 UEI851969:UEQ851969 TUM851969:TUU851969 TKQ851969:TKY851969 TAU851969:TBC851969 SQY851969:SRG851969 SHC851969:SHK851969 RXG851969:RXO851969 RNK851969:RNS851969 RDO851969:RDW851969 QTS851969:QUA851969 QJW851969:QKE851969 QAA851969:QAI851969 PQE851969:PQM851969 PGI851969:PGQ851969 OWM851969:OWU851969 OMQ851969:OMY851969 OCU851969:ODC851969 NSY851969:NTG851969 NJC851969:NJK851969 MZG851969:MZO851969 MPK851969:MPS851969 MFO851969:MFW851969 LVS851969:LWA851969 LLW851969:LME851969 LCA851969:LCI851969 KSE851969:KSM851969 KII851969:KIQ851969 JYM851969:JYU851969 JOQ851969:JOY851969 JEU851969:JFC851969 IUY851969:IVG851969 ILC851969:ILK851969 IBG851969:IBO851969 HRK851969:HRS851969 HHO851969:HHW851969 GXS851969:GYA851969 GNW851969:GOE851969 GEA851969:GEI851969 FUE851969:FUM851969 FKI851969:FKQ851969 FAM851969:FAU851969 EQQ851969:EQY851969 EGU851969:EHC851969 DWY851969:DXG851969 DNC851969:DNK851969 DDG851969:DDO851969 CTK851969:CTS851969 CJO851969:CJW851969 BZS851969:CAA851969 BPW851969:BQE851969 BGA851969:BGI851969 AWE851969:AWM851969 AMI851969:AMQ851969 ACM851969:ACU851969 SQ851969:SY851969 IU851969:JC851969 I851969:Q851969 WVG786433:WVO786433 WLK786433:WLS786433 WBO786433:WBW786433 VRS786433:VSA786433 VHW786433:VIE786433 UYA786433:UYI786433 UOE786433:UOM786433 UEI786433:UEQ786433 TUM786433:TUU786433 TKQ786433:TKY786433 TAU786433:TBC786433 SQY786433:SRG786433 SHC786433:SHK786433 RXG786433:RXO786433 RNK786433:RNS786433 RDO786433:RDW786433 QTS786433:QUA786433 QJW786433:QKE786433 QAA786433:QAI786433 PQE786433:PQM786433 PGI786433:PGQ786433 OWM786433:OWU786433 OMQ786433:OMY786433 OCU786433:ODC786433 NSY786433:NTG786433 NJC786433:NJK786433 MZG786433:MZO786433 MPK786433:MPS786433 MFO786433:MFW786433 LVS786433:LWA786433 LLW786433:LME786433 LCA786433:LCI786433 KSE786433:KSM786433 KII786433:KIQ786433 JYM786433:JYU786433 JOQ786433:JOY786433 JEU786433:JFC786433 IUY786433:IVG786433 ILC786433:ILK786433 IBG786433:IBO786433 HRK786433:HRS786433 HHO786433:HHW786433 GXS786433:GYA786433 GNW786433:GOE786433 GEA786433:GEI786433 FUE786433:FUM786433 FKI786433:FKQ786433 FAM786433:FAU786433 EQQ786433:EQY786433 EGU786433:EHC786433 DWY786433:DXG786433 DNC786433:DNK786433 DDG786433:DDO786433 CTK786433:CTS786433 CJO786433:CJW786433 BZS786433:CAA786433 BPW786433:BQE786433 BGA786433:BGI786433 AWE786433:AWM786433 AMI786433:AMQ786433 ACM786433:ACU786433 SQ786433:SY786433 IU786433:JC786433 I786433:Q786433 WVG720897:WVO720897 WLK720897:WLS720897 WBO720897:WBW720897 VRS720897:VSA720897 VHW720897:VIE720897 UYA720897:UYI720897 UOE720897:UOM720897 UEI720897:UEQ720897 TUM720897:TUU720897 TKQ720897:TKY720897 TAU720897:TBC720897 SQY720897:SRG720897 SHC720897:SHK720897 RXG720897:RXO720897 RNK720897:RNS720897 RDO720897:RDW720897 QTS720897:QUA720897 QJW720897:QKE720897 QAA720897:QAI720897 PQE720897:PQM720897 PGI720897:PGQ720897 OWM720897:OWU720897 OMQ720897:OMY720897 OCU720897:ODC720897 NSY720897:NTG720897 NJC720897:NJK720897 MZG720897:MZO720897 MPK720897:MPS720897 MFO720897:MFW720897 LVS720897:LWA720897 LLW720897:LME720897 LCA720897:LCI720897 KSE720897:KSM720897 KII720897:KIQ720897 JYM720897:JYU720897 JOQ720897:JOY720897 JEU720897:JFC720897 IUY720897:IVG720897 ILC720897:ILK720897 IBG720897:IBO720897 HRK720897:HRS720897 HHO720897:HHW720897 GXS720897:GYA720897 GNW720897:GOE720897 GEA720897:GEI720897 FUE720897:FUM720897 FKI720897:FKQ720897 FAM720897:FAU720897 EQQ720897:EQY720897 EGU720897:EHC720897 DWY720897:DXG720897 DNC720897:DNK720897 DDG720897:DDO720897 CTK720897:CTS720897 CJO720897:CJW720897 BZS720897:CAA720897 BPW720897:BQE720897 BGA720897:BGI720897 AWE720897:AWM720897 AMI720897:AMQ720897 ACM720897:ACU720897 SQ720897:SY720897 IU720897:JC720897 I720897:Q720897 WVG655361:WVO655361 WLK655361:WLS655361 WBO655361:WBW655361 VRS655361:VSA655361 VHW655361:VIE655361 UYA655361:UYI655361 UOE655361:UOM655361 UEI655361:UEQ655361 TUM655361:TUU655361 TKQ655361:TKY655361 TAU655361:TBC655361 SQY655361:SRG655361 SHC655361:SHK655361 RXG655361:RXO655361 RNK655361:RNS655361 RDO655361:RDW655361 QTS655361:QUA655361 QJW655361:QKE655361 QAA655361:QAI655361 PQE655361:PQM655361 PGI655361:PGQ655361 OWM655361:OWU655361 OMQ655361:OMY655361 OCU655361:ODC655361 NSY655361:NTG655361 NJC655361:NJK655361 MZG655361:MZO655361 MPK655361:MPS655361 MFO655361:MFW655361 LVS655361:LWA655361 LLW655361:LME655361 LCA655361:LCI655361 KSE655361:KSM655361 KII655361:KIQ655361 JYM655361:JYU655361 JOQ655361:JOY655361 JEU655361:JFC655361 IUY655361:IVG655361 ILC655361:ILK655361 IBG655361:IBO655361 HRK655361:HRS655361 HHO655361:HHW655361 GXS655361:GYA655361 GNW655361:GOE655361 GEA655361:GEI655361 FUE655361:FUM655361 FKI655361:FKQ655361 FAM655361:FAU655361 EQQ655361:EQY655361 EGU655361:EHC655361 DWY655361:DXG655361 DNC655361:DNK655361 DDG655361:DDO655361 CTK655361:CTS655361 CJO655361:CJW655361 BZS655361:CAA655361 BPW655361:BQE655361 BGA655361:BGI655361 AWE655361:AWM655361 AMI655361:AMQ655361 ACM655361:ACU655361 SQ655361:SY655361 IU655361:JC655361 I655361:Q655361 WVG589825:WVO589825 WLK589825:WLS589825 WBO589825:WBW589825 VRS589825:VSA589825 VHW589825:VIE589825 UYA589825:UYI589825 UOE589825:UOM589825 UEI589825:UEQ589825 TUM589825:TUU589825 TKQ589825:TKY589825 TAU589825:TBC589825 SQY589825:SRG589825 SHC589825:SHK589825 RXG589825:RXO589825 RNK589825:RNS589825 RDO589825:RDW589825 QTS589825:QUA589825 QJW589825:QKE589825 QAA589825:QAI589825 PQE589825:PQM589825 PGI589825:PGQ589825 OWM589825:OWU589825 OMQ589825:OMY589825 OCU589825:ODC589825 NSY589825:NTG589825 NJC589825:NJK589825 MZG589825:MZO589825 MPK589825:MPS589825 MFO589825:MFW589825 LVS589825:LWA589825 LLW589825:LME589825 LCA589825:LCI589825 KSE589825:KSM589825 KII589825:KIQ589825 JYM589825:JYU589825 JOQ589825:JOY589825 JEU589825:JFC589825 IUY589825:IVG589825 ILC589825:ILK589825 IBG589825:IBO589825 HRK589825:HRS589825 HHO589825:HHW589825 GXS589825:GYA589825 GNW589825:GOE589825 GEA589825:GEI589825 FUE589825:FUM589825 FKI589825:FKQ589825 FAM589825:FAU589825 EQQ589825:EQY589825 EGU589825:EHC589825 DWY589825:DXG589825 DNC589825:DNK589825 DDG589825:DDO589825 CTK589825:CTS589825 CJO589825:CJW589825 BZS589825:CAA589825 BPW589825:BQE589825 BGA589825:BGI589825 AWE589825:AWM589825 AMI589825:AMQ589825 ACM589825:ACU589825 SQ589825:SY589825 IU589825:JC589825 I589825:Q589825 WVG524289:WVO524289 WLK524289:WLS524289 WBO524289:WBW524289 VRS524289:VSA524289 VHW524289:VIE524289 UYA524289:UYI524289 UOE524289:UOM524289 UEI524289:UEQ524289 TUM524289:TUU524289 TKQ524289:TKY524289 TAU524289:TBC524289 SQY524289:SRG524289 SHC524289:SHK524289 RXG524289:RXO524289 RNK524289:RNS524289 RDO524289:RDW524289 QTS524289:QUA524289 QJW524289:QKE524289 QAA524289:QAI524289 PQE524289:PQM524289 PGI524289:PGQ524289 OWM524289:OWU524289 OMQ524289:OMY524289 OCU524289:ODC524289 NSY524289:NTG524289 NJC524289:NJK524289 MZG524289:MZO524289 MPK524289:MPS524289 MFO524289:MFW524289 LVS524289:LWA524289 LLW524289:LME524289 LCA524289:LCI524289 KSE524289:KSM524289 KII524289:KIQ524289 JYM524289:JYU524289 JOQ524289:JOY524289 JEU524289:JFC524289 IUY524289:IVG524289 ILC524289:ILK524289 IBG524289:IBO524289 HRK524289:HRS524289 HHO524289:HHW524289 GXS524289:GYA524289 GNW524289:GOE524289 GEA524289:GEI524289 FUE524289:FUM524289 FKI524289:FKQ524289 FAM524289:FAU524289 EQQ524289:EQY524289 EGU524289:EHC524289 DWY524289:DXG524289 DNC524289:DNK524289 DDG524289:DDO524289 CTK524289:CTS524289 CJO524289:CJW524289 BZS524289:CAA524289 BPW524289:BQE524289 BGA524289:BGI524289 AWE524289:AWM524289 AMI524289:AMQ524289 ACM524289:ACU524289 SQ524289:SY524289 IU524289:JC524289 I524289:Q524289 WVG458753:WVO458753 WLK458753:WLS458753 WBO458753:WBW458753 VRS458753:VSA458753 VHW458753:VIE458753 UYA458753:UYI458753 UOE458753:UOM458753 UEI458753:UEQ458753 TUM458753:TUU458753 TKQ458753:TKY458753 TAU458753:TBC458753 SQY458753:SRG458753 SHC458753:SHK458753 RXG458753:RXO458753 RNK458753:RNS458753 RDO458753:RDW458753 QTS458753:QUA458753 QJW458753:QKE458753 QAA458753:QAI458753 PQE458753:PQM458753 PGI458753:PGQ458753 OWM458753:OWU458753 OMQ458753:OMY458753 OCU458753:ODC458753 NSY458753:NTG458753 NJC458753:NJK458753 MZG458753:MZO458753 MPK458753:MPS458753 MFO458753:MFW458753 LVS458753:LWA458753 LLW458753:LME458753 LCA458753:LCI458753 KSE458753:KSM458753 KII458753:KIQ458753 JYM458753:JYU458753 JOQ458753:JOY458753 JEU458753:JFC458753 IUY458753:IVG458753 ILC458753:ILK458753 IBG458753:IBO458753 HRK458753:HRS458753 HHO458753:HHW458753 GXS458753:GYA458753 GNW458753:GOE458753 GEA458753:GEI458753 FUE458753:FUM458753 FKI458753:FKQ458753 FAM458753:FAU458753 EQQ458753:EQY458753 EGU458753:EHC458753 DWY458753:DXG458753 DNC458753:DNK458753 DDG458753:DDO458753 CTK458753:CTS458753 CJO458753:CJW458753 BZS458753:CAA458753 BPW458753:BQE458753 BGA458753:BGI458753 AWE458753:AWM458753 AMI458753:AMQ458753 ACM458753:ACU458753 SQ458753:SY458753 IU458753:JC458753 I458753:Q458753 WVG393217:WVO393217 WLK393217:WLS393217 WBO393217:WBW393217 VRS393217:VSA393217 VHW393217:VIE393217 UYA393217:UYI393217 UOE393217:UOM393217 UEI393217:UEQ393217 TUM393217:TUU393217 TKQ393217:TKY393217 TAU393217:TBC393217 SQY393217:SRG393217 SHC393217:SHK393217 RXG393217:RXO393217 RNK393217:RNS393217 RDO393217:RDW393217 QTS393217:QUA393217 QJW393217:QKE393217 QAA393217:QAI393217 PQE393217:PQM393217 PGI393217:PGQ393217 OWM393217:OWU393217 OMQ393217:OMY393217 OCU393217:ODC393217 NSY393217:NTG393217 NJC393217:NJK393217 MZG393217:MZO393217 MPK393217:MPS393217 MFO393217:MFW393217 LVS393217:LWA393217 LLW393217:LME393217 LCA393217:LCI393217 KSE393217:KSM393217 KII393217:KIQ393217 JYM393217:JYU393217 JOQ393217:JOY393217 JEU393217:JFC393217 IUY393217:IVG393217 ILC393217:ILK393217 IBG393217:IBO393217 HRK393217:HRS393217 HHO393217:HHW393217 GXS393217:GYA393217 GNW393217:GOE393217 GEA393217:GEI393217 FUE393217:FUM393217 FKI393217:FKQ393217 FAM393217:FAU393217 EQQ393217:EQY393217 EGU393217:EHC393217 DWY393217:DXG393217 DNC393217:DNK393217 DDG393217:DDO393217 CTK393217:CTS393217 CJO393217:CJW393217 BZS393217:CAA393217 BPW393217:BQE393217 BGA393217:BGI393217 AWE393217:AWM393217 AMI393217:AMQ393217 ACM393217:ACU393217 SQ393217:SY393217 IU393217:JC393217 I393217:Q393217 WVG327681:WVO327681 WLK327681:WLS327681 WBO327681:WBW327681 VRS327681:VSA327681 VHW327681:VIE327681 UYA327681:UYI327681 UOE327681:UOM327681 UEI327681:UEQ327681 TUM327681:TUU327681 TKQ327681:TKY327681 TAU327681:TBC327681 SQY327681:SRG327681 SHC327681:SHK327681 RXG327681:RXO327681 RNK327681:RNS327681 RDO327681:RDW327681 QTS327681:QUA327681 QJW327681:QKE327681 QAA327681:QAI327681 PQE327681:PQM327681 PGI327681:PGQ327681 OWM327681:OWU327681 OMQ327681:OMY327681 OCU327681:ODC327681 NSY327681:NTG327681 NJC327681:NJK327681 MZG327681:MZO327681 MPK327681:MPS327681 MFO327681:MFW327681 LVS327681:LWA327681 LLW327681:LME327681 LCA327681:LCI327681 KSE327681:KSM327681 KII327681:KIQ327681 JYM327681:JYU327681 JOQ327681:JOY327681 JEU327681:JFC327681 IUY327681:IVG327681 ILC327681:ILK327681 IBG327681:IBO327681 HRK327681:HRS327681 HHO327681:HHW327681 GXS327681:GYA327681 GNW327681:GOE327681 GEA327681:GEI327681 FUE327681:FUM327681 FKI327681:FKQ327681 FAM327681:FAU327681 EQQ327681:EQY327681 EGU327681:EHC327681 DWY327681:DXG327681 DNC327681:DNK327681 DDG327681:DDO327681 CTK327681:CTS327681 CJO327681:CJW327681 BZS327681:CAA327681 BPW327681:BQE327681 BGA327681:BGI327681 AWE327681:AWM327681 AMI327681:AMQ327681 ACM327681:ACU327681 SQ327681:SY327681 IU327681:JC327681 I327681:Q327681 WVG262145:WVO262145 WLK262145:WLS262145 WBO262145:WBW262145 VRS262145:VSA262145 VHW262145:VIE262145 UYA262145:UYI262145 UOE262145:UOM262145 UEI262145:UEQ262145 TUM262145:TUU262145 TKQ262145:TKY262145 TAU262145:TBC262145 SQY262145:SRG262145 SHC262145:SHK262145 RXG262145:RXO262145 RNK262145:RNS262145 RDO262145:RDW262145 QTS262145:QUA262145 QJW262145:QKE262145 QAA262145:QAI262145 PQE262145:PQM262145 PGI262145:PGQ262145 OWM262145:OWU262145 OMQ262145:OMY262145 OCU262145:ODC262145 NSY262145:NTG262145 NJC262145:NJK262145 MZG262145:MZO262145 MPK262145:MPS262145 MFO262145:MFW262145 LVS262145:LWA262145 LLW262145:LME262145 LCA262145:LCI262145 KSE262145:KSM262145 KII262145:KIQ262145 JYM262145:JYU262145 JOQ262145:JOY262145 JEU262145:JFC262145 IUY262145:IVG262145 ILC262145:ILK262145 IBG262145:IBO262145 HRK262145:HRS262145 HHO262145:HHW262145 GXS262145:GYA262145 GNW262145:GOE262145 GEA262145:GEI262145 FUE262145:FUM262145 FKI262145:FKQ262145 FAM262145:FAU262145 EQQ262145:EQY262145 EGU262145:EHC262145 DWY262145:DXG262145 DNC262145:DNK262145 DDG262145:DDO262145 CTK262145:CTS262145 CJO262145:CJW262145 BZS262145:CAA262145 BPW262145:BQE262145 BGA262145:BGI262145 AWE262145:AWM262145 AMI262145:AMQ262145 ACM262145:ACU262145 SQ262145:SY262145 IU262145:JC262145 I262145:Q262145 WVG196609:WVO196609 WLK196609:WLS196609 WBO196609:WBW196609 VRS196609:VSA196609 VHW196609:VIE196609 UYA196609:UYI196609 UOE196609:UOM196609 UEI196609:UEQ196609 TUM196609:TUU196609 TKQ196609:TKY196609 TAU196609:TBC196609 SQY196609:SRG196609 SHC196609:SHK196609 RXG196609:RXO196609 RNK196609:RNS196609 RDO196609:RDW196609 QTS196609:QUA196609 QJW196609:QKE196609 QAA196609:QAI196609 PQE196609:PQM196609 PGI196609:PGQ196609 OWM196609:OWU196609 OMQ196609:OMY196609 OCU196609:ODC196609 NSY196609:NTG196609 NJC196609:NJK196609 MZG196609:MZO196609 MPK196609:MPS196609 MFO196609:MFW196609 LVS196609:LWA196609 LLW196609:LME196609 LCA196609:LCI196609 KSE196609:KSM196609 KII196609:KIQ196609 JYM196609:JYU196609 JOQ196609:JOY196609 JEU196609:JFC196609 IUY196609:IVG196609 ILC196609:ILK196609 IBG196609:IBO196609 HRK196609:HRS196609 HHO196609:HHW196609 GXS196609:GYA196609 GNW196609:GOE196609 GEA196609:GEI196609 FUE196609:FUM196609 FKI196609:FKQ196609 FAM196609:FAU196609 EQQ196609:EQY196609 EGU196609:EHC196609 DWY196609:DXG196609 DNC196609:DNK196609 DDG196609:DDO196609 CTK196609:CTS196609 CJO196609:CJW196609 BZS196609:CAA196609 BPW196609:BQE196609 BGA196609:BGI196609 AWE196609:AWM196609 AMI196609:AMQ196609 ACM196609:ACU196609 SQ196609:SY196609 IU196609:JC196609 I196609:Q196609 WVG131073:WVO131073 WLK131073:WLS131073 WBO131073:WBW131073 VRS131073:VSA131073 VHW131073:VIE131073 UYA131073:UYI131073 UOE131073:UOM131073 UEI131073:UEQ131073 TUM131073:TUU131073 TKQ131073:TKY131073 TAU131073:TBC131073 SQY131073:SRG131073 SHC131073:SHK131073 RXG131073:RXO131073 RNK131073:RNS131073 RDO131073:RDW131073 QTS131073:QUA131073 QJW131073:QKE131073 QAA131073:QAI131073 PQE131073:PQM131073 PGI131073:PGQ131073 OWM131073:OWU131073 OMQ131073:OMY131073 OCU131073:ODC131073 NSY131073:NTG131073 NJC131073:NJK131073 MZG131073:MZO131073 MPK131073:MPS131073 MFO131073:MFW131073 LVS131073:LWA131073 LLW131073:LME131073 LCA131073:LCI131073 KSE131073:KSM131073 KII131073:KIQ131073 JYM131073:JYU131073 JOQ131073:JOY131073 JEU131073:JFC131073 IUY131073:IVG131073 ILC131073:ILK131073 IBG131073:IBO131073 HRK131073:HRS131073 HHO131073:HHW131073 GXS131073:GYA131073 GNW131073:GOE131073 GEA131073:GEI131073 FUE131073:FUM131073 FKI131073:FKQ131073 FAM131073:FAU131073 EQQ131073:EQY131073 EGU131073:EHC131073 DWY131073:DXG131073 DNC131073:DNK131073 DDG131073:DDO131073 CTK131073:CTS131073 CJO131073:CJW131073 BZS131073:CAA131073 BPW131073:BQE131073 BGA131073:BGI131073 AWE131073:AWM131073 AMI131073:AMQ131073 ACM131073:ACU131073 SQ131073:SY131073 IU131073:JC131073 I131073:Q131073 WVG65537:WVO65537 WLK65537:WLS65537 WBO65537:WBW65537 VRS65537:VSA65537 VHW65537:VIE65537 UYA65537:UYI65537 UOE65537:UOM65537 UEI65537:UEQ65537 TUM65537:TUU65537 TKQ65537:TKY65537 TAU65537:TBC65537 SQY65537:SRG65537 SHC65537:SHK65537 RXG65537:RXO65537 RNK65537:RNS65537 RDO65537:RDW65537 QTS65537:QUA65537 QJW65537:QKE65537 QAA65537:QAI65537 PQE65537:PQM65537 PGI65537:PGQ65537 OWM65537:OWU65537 OMQ65537:OMY65537 OCU65537:ODC65537 NSY65537:NTG65537 NJC65537:NJK65537 MZG65537:MZO65537 MPK65537:MPS65537 MFO65537:MFW65537 LVS65537:LWA65537 LLW65537:LME65537 LCA65537:LCI65537 KSE65537:KSM65537 KII65537:KIQ65537 JYM65537:JYU65537 JOQ65537:JOY65537 JEU65537:JFC65537 IUY65537:IVG65537 ILC65537:ILK65537 IBG65537:IBO65537 HRK65537:HRS65537 HHO65537:HHW65537 GXS65537:GYA65537 GNW65537:GOE65537 GEA65537:GEI65537 FUE65537:FUM65537 FKI65537:FKQ65537 FAM65537:FAU65537 EQQ65537:EQY65537 EGU65537:EHC65537 DWY65537:DXG65537 DNC65537:DNK65537 DDG65537:DDO65537 CTK65537:CTS65537 CJO65537:CJW65537 BZS65537:CAA65537 BPW65537:BQE65537 BGA65537:BGI65537 AWE65537:AWM65537 AMI65537:AMQ65537 ACM65537:ACU65537 SQ65537:SY65537 IU65537:JC65537 I65537:Q65537 WVA983040 WLE983040 WBI983040 VRM983040 VHQ983040 UXU983040 UNY983040 UEC983040 TUG983040 TKK983040 TAO983040 SQS983040 SGW983040 RXA983040 RNE983040 RDI983040 QTM983040 QJQ983040 PZU983040 PPY983040 PGC983040 OWG983040 OMK983040 OCO983040 NSS983040 NIW983040 MZA983040 MPE983040 MFI983040 LVM983040 LLQ983040 LBU983040 KRY983040 KIC983040 JYG983040 JOK983040 JEO983040 IUS983040 IKW983040 IBA983040 HRE983040 HHI983040 GXM983040 GNQ983040 GDU983040 FTY983040 FKC983040 FAG983040 EQK983040 EGO983040 DWS983040 DMW983040 DDA983040 CTE983040 CJI983040 BZM983040 BPQ983040 BFU983040 AVY983040 AMC983040 ACG983040 SK983040 IO983040 WVA917504 WLE917504 WBI917504 VRM917504 VHQ917504 UXU917504 UNY917504 UEC917504 TUG917504 TKK917504 TAO917504 SQS917504 SGW917504 RXA917504 RNE917504 RDI917504 QTM917504 QJQ917504 PZU917504 PPY917504 PGC917504 OWG917504 OMK917504 OCO917504 NSS917504 NIW917504 MZA917504 MPE917504 MFI917504 LVM917504 LLQ917504 LBU917504 KRY917504 KIC917504 JYG917504 JOK917504 JEO917504 IUS917504 IKW917504 IBA917504 HRE917504 HHI917504 GXM917504 GNQ917504 GDU917504 FTY917504 FKC917504 FAG917504 EQK917504 EGO917504 DWS917504 DMW917504 DDA917504 CTE917504 CJI917504 BZM917504 BPQ917504 BFU917504 AVY917504 AMC917504 ACG917504 SK917504 IO917504 WVA851968 WLE851968 WBI851968 VRM851968 VHQ851968 UXU851968 UNY851968 UEC851968 TUG851968 TKK851968 TAO851968 SQS851968 SGW851968 RXA851968 RNE851968 RDI851968 QTM851968 QJQ851968 PZU851968 PPY851968 PGC851968 OWG851968 OMK851968 OCO851968 NSS851968 NIW851968 MZA851968 MPE851968 MFI851968 LVM851968 LLQ851968 LBU851968 KRY851968 KIC851968 JYG851968 JOK851968 JEO851968 IUS851968 IKW851968 IBA851968 HRE851968 HHI851968 GXM851968 GNQ851968 GDU851968 FTY851968 FKC851968 FAG851968 EQK851968 EGO851968 DWS851968 DMW851968 DDA851968 CTE851968 CJI851968 BZM851968 BPQ851968 BFU851968 AVY851968 AMC851968 ACG851968 SK851968 IO851968 WVA786432 WLE786432 WBI786432 VRM786432 VHQ786432 UXU786432 UNY786432 UEC786432 TUG786432 TKK786432 TAO786432 SQS786432 SGW786432 RXA786432 RNE786432 RDI786432 QTM786432 QJQ786432 PZU786432 PPY786432 PGC786432 OWG786432 OMK786432 OCO786432 NSS786432 NIW786432 MZA786432 MPE786432 MFI786432 LVM786432 LLQ786432 LBU786432 KRY786432 KIC786432 JYG786432 JOK786432 JEO786432 IUS786432 IKW786432 IBA786432 HRE786432 HHI786432 GXM786432 GNQ786432 GDU786432 FTY786432 FKC786432 FAG786432 EQK786432 EGO786432 DWS786432 DMW786432 DDA786432 CTE786432 CJI786432 BZM786432 BPQ786432 BFU786432 AVY786432 AMC786432 ACG786432 SK786432 IO786432 WVA720896 WLE720896 WBI720896 VRM720896 VHQ720896 UXU720896 UNY720896 UEC720896 TUG720896 TKK720896 TAO720896 SQS720896 SGW720896 RXA720896 RNE720896 RDI720896 QTM720896 QJQ720896 PZU720896 PPY720896 PGC720896 OWG720896 OMK720896 OCO720896 NSS720896 NIW720896 MZA720896 MPE720896 MFI720896 LVM720896 LLQ720896 LBU720896 KRY720896 KIC720896 JYG720896 JOK720896 JEO720896 IUS720896 IKW720896 IBA720896 HRE720896 HHI720896 GXM720896 GNQ720896 GDU720896 FTY720896 FKC720896 FAG720896 EQK720896 EGO720896 DWS720896 DMW720896 DDA720896 CTE720896 CJI720896 BZM720896 BPQ720896 BFU720896 AVY720896 AMC720896 ACG720896 SK720896 IO720896 WVA655360 WLE655360 WBI655360 VRM655360 VHQ655360 UXU655360 UNY655360 UEC655360 TUG655360 TKK655360 TAO655360 SQS655360 SGW655360 RXA655360 RNE655360 RDI655360 QTM655360 QJQ655360 PZU655360 PPY655360 PGC655360 OWG655360 OMK655360 OCO655360 NSS655360 NIW655360 MZA655360 MPE655360 MFI655360 LVM655360 LLQ655360 LBU655360 KRY655360 KIC655360 JYG655360 JOK655360 JEO655360 IUS655360 IKW655360 IBA655360 HRE655360 HHI655360 GXM655360 GNQ655360 GDU655360 FTY655360 FKC655360 FAG655360 EQK655360 EGO655360 DWS655360 DMW655360 DDA655360 CTE655360 CJI655360 BZM655360 BPQ655360 BFU655360 AVY655360 AMC655360 ACG655360 SK655360 IO655360 WVA589824 WLE589824 WBI589824 VRM589824 VHQ589824 UXU589824 UNY589824 UEC589824 TUG589824 TKK589824 TAO589824 SQS589824 SGW589824 RXA589824 RNE589824 RDI589824 QTM589824 QJQ589824 PZU589824 PPY589824 PGC589824 OWG589824 OMK589824 OCO589824 NSS589824 NIW589824 MZA589824 MPE589824 MFI589824 LVM589824 LLQ589824 LBU589824 KRY589824 KIC589824 JYG589824 JOK589824 JEO589824 IUS589824 IKW589824 IBA589824 HRE589824 HHI589824 GXM589824 GNQ589824 GDU589824 FTY589824 FKC589824 FAG589824 EQK589824 EGO589824 DWS589824 DMW589824 DDA589824 CTE589824 CJI589824 BZM589824 BPQ589824 BFU589824 AVY589824 AMC589824 ACG589824 SK589824 IO589824 WVA524288 WLE524288 WBI524288 VRM524288 VHQ524288 UXU524288 UNY524288 UEC524288 TUG524288 TKK524288 TAO524288 SQS524288 SGW524288 RXA524288 RNE524288 RDI524288 QTM524288 QJQ524288 PZU524288 PPY524288 PGC524288 OWG524288 OMK524288 OCO524288 NSS524288 NIW524288 MZA524288 MPE524288 MFI524288 LVM524288 LLQ524288 LBU524288 KRY524288 KIC524288 JYG524288 JOK524288 JEO524288 IUS524288 IKW524288 IBA524288 HRE524288 HHI524288 GXM524288 GNQ524288 GDU524288 FTY524288 FKC524288 FAG524288 EQK524288 EGO524288 DWS524288 DMW524288 DDA524288 CTE524288 CJI524288 BZM524288 BPQ524288 BFU524288 AVY524288 AMC524288 ACG524288 SK524288 IO524288 WVA458752 WLE458752 WBI458752 VRM458752 VHQ458752 UXU458752 UNY458752 UEC458752 TUG458752 TKK458752 TAO458752 SQS458752 SGW458752 RXA458752 RNE458752 RDI458752 QTM458752 QJQ458752 PZU458752 PPY458752 PGC458752 OWG458752 OMK458752 OCO458752 NSS458752 NIW458752 MZA458752 MPE458752 MFI458752 LVM458752 LLQ458752 LBU458752 KRY458752 KIC458752 JYG458752 JOK458752 JEO458752 IUS458752 IKW458752 IBA458752 HRE458752 HHI458752 GXM458752 GNQ458752 GDU458752 FTY458752 FKC458752 FAG458752 EQK458752 EGO458752 DWS458752 DMW458752 DDA458752 CTE458752 CJI458752 BZM458752 BPQ458752 BFU458752 AVY458752 AMC458752 ACG458752 SK458752 IO458752 WVA393216 WLE393216 WBI393216 VRM393216 VHQ393216 UXU393216 UNY393216 UEC393216 TUG393216 TKK393216 TAO393216 SQS393216 SGW393216 RXA393216 RNE393216 RDI393216 QTM393216 QJQ393216 PZU393216 PPY393216 PGC393216 OWG393216 OMK393216 OCO393216 NSS393216 NIW393216 MZA393216 MPE393216 MFI393216 LVM393216 LLQ393216 LBU393216 KRY393216 KIC393216 JYG393216 JOK393216 JEO393216 IUS393216 IKW393216 IBA393216 HRE393216 HHI393216 GXM393216 GNQ393216 GDU393216 FTY393216 FKC393216 FAG393216 EQK393216 EGO393216 DWS393216 DMW393216 DDA393216 CTE393216 CJI393216 BZM393216 BPQ393216 BFU393216 AVY393216 AMC393216 ACG393216 SK393216 IO393216 WVA327680 WLE327680 WBI327680 VRM327680 VHQ327680 UXU327680 UNY327680 UEC327680 TUG327680 TKK327680 TAO327680 SQS327680 SGW327680 RXA327680 RNE327680 RDI327680 QTM327680 QJQ327680 PZU327680 PPY327680 PGC327680 OWG327680 OMK327680 OCO327680 NSS327680 NIW327680 MZA327680 MPE327680 MFI327680 LVM327680 LLQ327680 LBU327680 KRY327680 KIC327680 JYG327680 JOK327680 JEO327680 IUS327680 IKW327680 IBA327680 HRE327680 HHI327680 GXM327680 GNQ327680 GDU327680 FTY327680 FKC327680 FAG327680 EQK327680 EGO327680 DWS327680 DMW327680 DDA327680 CTE327680 CJI327680 BZM327680 BPQ327680 BFU327680 AVY327680 AMC327680 ACG327680 SK327680 IO327680 WVA262144 WLE262144 WBI262144 VRM262144 VHQ262144 UXU262144 UNY262144 UEC262144 TUG262144 TKK262144 TAO262144 SQS262144 SGW262144 RXA262144 RNE262144 RDI262144 QTM262144 QJQ262144 PZU262144 PPY262144 PGC262144 OWG262144 OMK262144 OCO262144 NSS262144 NIW262144 MZA262144 MPE262144 MFI262144 LVM262144 LLQ262144 LBU262144 KRY262144 KIC262144 JYG262144 JOK262144 JEO262144 IUS262144 IKW262144 IBA262144 HRE262144 HHI262144 GXM262144 GNQ262144 GDU262144 FTY262144 FKC262144 FAG262144 EQK262144 EGO262144 DWS262144 DMW262144 DDA262144 CTE262144 CJI262144 BZM262144 BPQ262144 BFU262144 AVY262144 AMC262144 ACG262144 SK262144 IO262144 WVA196608 WLE196608 WBI196608 VRM196608 VHQ196608 UXU196608 UNY196608 UEC196608 TUG196608 TKK196608 TAO196608 SQS196608 SGW196608 RXA196608 RNE196608 RDI196608 QTM196608 QJQ196608 PZU196608 PPY196608 PGC196608 OWG196608 OMK196608 OCO196608 NSS196608 NIW196608 MZA196608 MPE196608 MFI196608 LVM196608 LLQ196608 LBU196608 KRY196608 KIC196608 JYG196608 JOK196608 JEO196608 IUS196608 IKW196608 IBA196608 HRE196608 HHI196608 GXM196608 GNQ196608 GDU196608 FTY196608 FKC196608 FAG196608 EQK196608 EGO196608 DWS196608 DMW196608 DDA196608 CTE196608 CJI196608 BZM196608 BPQ196608 BFU196608 AVY196608 AMC196608 ACG196608 SK196608 IO196608 WVA131072 WLE131072 WBI131072 VRM131072 VHQ131072 UXU131072 UNY131072 UEC131072 TUG131072 TKK131072 TAO131072 SQS131072 SGW131072 RXA131072 RNE131072 RDI131072 QTM131072 QJQ131072 PZU131072 PPY131072 PGC131072 OWG131072 OMK131072 OCO131072 NSS131072 NIW131072 MZA131072 MPE131072 MFI131072 LVM131072 LLQ131072 LBU131072 KRY131072 KIC131072 JYG131072 JOK131072 JEO131072 IUS131072 IKW131072 IBA131072 HRE131072 HHI131072 GXM131072 GNQ131072 GDU131072 FTY131072 FKC131072 FAG131072 EQK131072 EGO131072 DWS131072 DMW131072 DDA131072 CTE131072 CJI131072 BZM131072 BPQ131072 BFU131072 AVY131072 AMC131072 ACG131072 SK131072 IO131072 WVA65536 WLE65536 WBI65536 VRM65536 VHQ65536 UXU65536 UNY65536 UEC65536 TUG65536 TKK65536 TAO65536 SQS65536 SGW65536 RXA65536 RNE65536 RDI65536 QTM65536 QJQ65536 PZU65536 PPY65536 PGC65536 OWG65536 OMK65536 OCO65536 NSS65536 NIW65536 MZA65536 MPE65536 MFI65536 LVM65536 LLQ65536 LBU65536 KRY65536 KIC65536 JYG65536 JOK65536 JEO65536 IUS65536 IKW65536 IBA65536 HRE65536 HHI65536 GXM65536 GNQ65536 GDU65536 FTY65536 FKC65536 FAG65536 EQK65536 EGO65536 DWS65536 DMW65536 DDA65536 CTE65536 CJI65536 BZM65536 BPQ65536 BFU65536 AVY65536 AMC65536 ACG65536 SK65536 IO65536 D65536 D131072 D196608 D262144 D327680 D393216 D458752 D524288 D589824 D655360 D720896 D786432 D851968 D917504 D983040" xr:uid="{00000000-0002-0000-0500-000003000000}">
      <formula1>D65536=DBCS(D65536)</formula1>
    </dataValidation>
    <dataValidation type="custom" allowBlank="1" showInputMessage="1" showErrorMessage="1" errorTitle="全角英数字" error="全角英数字で入力してください" sqref="WVB983022:WVM983024 WLF983022:WLQ983024 WBJ983022:WBU983024 VRN983022:VRY983024 VHR983022:VIC983024 UXV983022:UYG983024 UNZ983022:UOK983024 UED983022:UEO983024 TUH983022:TUS983024 TKL983022:TKW983024 TAP983022:TBA983024 SQT983022:SRE983024 SGX983022:SHI983024 RXB983022:RXM983024 RNF983022:RNQ983024 RDJ983022:RDU983024 QTN983022:QTY983024 QJR983022:QKC983024 PZV983022:QAG983024 PPZ983022:PQK983024 PGD983022:PGO983024 OWH983022:OWS983024 OML983022:OMW983024 OCP983022:ODA983024 NST983022:NTE983024 NIX983022:NJI983024 MZB983022:MZM983024 MPF983022:MPQ983024 MFJ983022:MFU983024 LVN983022:LVY983024 LLR983022:LMC983024 LBV983022:LCG983024 KRZ983022:KSK983024 KID983022:KIO983024 JYH983022:JYS983024 JOL983022:JOW983024 JEP983022:JFA983024 IUT983022:IVE983024 IKX983022:ILI983024 IBB983022:IBM983024 HRF983022:HRQ983024 HHJ983022:HHU983024 GXN983022:GXY983024 GNR983022:GOC983024 GDV983022:GEG983024 FTZ983022:FUK983024 FKD983022:FKO983024 FAH983022:FAS983024 EQL983022:EQW983024 EGP983022:EHA983024 DWT983022:DXE983024 DMX983022:DNI983024 DDB983022:DDM983024 CTF983022:CTQ983024 CJJ983022:CJU983024 BZN983022:BZY983024 BPR983022:BQC983024 BFV983022:BGG983024 AVZ983022:AWK983024 AMD983022:AMO983024 ACH983022:ACS983024 SL983022:SW983024 IP983022:JA983024 WVB917486:WVM917488 WLF917486:WLQ917488 WBJ917486:WBU917488 VRN917486:VRY917488 VHR917486:VIC917488 UXV917486:UYG917488 UNZ917486:UOK917488 UED917486:UEO917488 TUH917486:TUS917488 TKL917486:TKW917488 TAP917486:TBA917488 SQT917486:SRE917488 SGX917486:SHI917488 RXB917486:RXM917488 RNF917486:RNQ917488 RDJ917486:RDU917488 QTN917486:QTY917488 QJR917486:QKC917488 PZV917486:QAG917488 PPZ917486:PQK917488 PGD917486:PGO917488 OWH917486:OWS917488 OML917486:OMW917488 OCP917486:ODA917488 NST917486:NTE917488 NIX917486:NJI917488 MZB917486:MZM917488 MPF917486:MPQ917488 MFJ917486:MFU917488 LVN917486:LVY917488 LLR917486:LMC917488 LBV917486:LCG917488 KRZ917486:KSK917488 KID917486:KIO917488 JYH917486:JYS917488 JOL917486:JOW917488 JEP917486:JFA917488 IUT917486:IVE917488 IKX917486:ILI917488 IBB917486:IBM917488 HRF917486:HRQ917488 HHJ917486:HHU917488 GXN917486:GXY917488 GNR917486:GOC917488 GDV917486:GEG917488 FTZ917486:FUK917488 FKD917486:FKO917488 FAH917486:FAS917488 EQL917486:EQW917488 EGP917486:EHA917488 DWT917486:DXE917488 DMX917486:DNI917488 DDB917486:DDM917488 CTF917486:CTQ917488 CJJ917486:CJU917488 BZN917486:BZY917488 BPR917486:BQC917488 BFV917486:BGG917488 AVZ917486:AWK917488 AMD917486:AMO917488 ACH917486:ACS917488 SL917486:SW917488 IP917486:JA917488 WVB851950:WVM851952 WLF851950:WLQ851952 WBJ851950:WBU851952 VRN851950:VRY851952 VHR851950:VIC851952 UXV851950:UYG851952 UNZ851950:UOK851952 UED851950:UEO851952 TUH851950:TUS851952 TKL851950:TKW851952 TAP851950:TBA851952 SQT851950:SRE851952 SGX851950:SHI851952 RXB851950:RXM851952 RNF851950:RNQ851952 RDJ851950:RDU851952 QTN851950:QTY851952 QJR851950:QKC851952 PZV851950:QAG851952 PPZ851950:PQK851952 PGD851950:PGO851952 OWH851950:OWS851952 OML851950:OMW851952 OCP851950:ODA851952 NST851950:NTE851952 NIX851950:NJI851952 MZB851950:MZM851952 MPF851950:MPQ851952 MFJ851950:MFU851952 LVN851950:LVY851952 LLR851950:LMC851952 LBV851950:LCG851952 KRZ851950:KSK851952 KID851950:KIO851952 JYH851950:JYS851952 JOL851950:JOW851952 JEP851950:JFA851952 IUT851950:IVE851952 IKX851950:ILI851952 IBB851950:IBM851952 HRF851950:HRQ851952 HHJ851950:HHU851952 GXN851950:GXY851952 GNR851950:GOC851952 GDV851950:GEG851952 FTZ851950:FUK851952 FKD851950:FKO851952 FAH851950:FAS851952 EQL851950:EQW851952 EGP851950:EHA851952 DWT851950:DXE851952 DMX851950:DNI851952 DDB851950:DDM851952 CTF851950:CTQ851952 CJJ851950:CJU851952 BZN851950:BZY851952 BPR851950:BQC851952 BFV851950:BGG851952 AVZ851950:AWK851952 AMD851950:AMO851952 ACH851950:ACS851952 SL851950:SW851952 IP851950:JA851952 WVB786414:WVM786416 WLF786414:WLQ786416 WBJ786414:WBU786416 VRN786414:VRY786416 VHR786414:VIC786416 UXV786414:UYG786416 UNZ786414:UOK786416 UED786414:UEO786416 TUH786414:TUS786416 TKL786414:TKW786416 TAP786414:TBA786416 SQT786414:SRE786416 SGX786414:SHI786416 RXB786414:RXM786416 RNF786414:RNQ786416 RDJ786414:RDU786416 QTN786414:QTY786416 QJR786414:QKC786416 PZV786414:QAG786416 PPZ786414:PQK786416 PGD786414:PGO786416 OWH786414:OWS786416 OML786414:OMW786416 OCP786414:ODA786416 NST786414:NTE786416 NIX786414:NJI786416 MZB786414:MZM786416 MPF786414:MPQ786416 MFJ786414:MFU786416 LVN786414:LVY786416 LLR786414:LMC786416 LBV786414:LCG786416 KRZ786414:KSK786416 KID786414:KIO786416 JYH786414:JYS786416 JOL786414:JOW786416 JEP786414:JFA786416 IUT786414:IVE786416 IKX786414:ILI786416 IBB786414:IBM786416 HRF786414:HRQ786416 HHJ786414:HHU786416 GXN786414:GXY786416 GNR786414:GOC786416 GDV786414:GEG786416 FTZ786414:FUK786416 FKD786414:FKO786416 FAH786414:FAS786416 EQL786414:EQW786416 EGP786414:EHA786416 DWT786414:DXE786416 DMX786414:DNI786416 DDB786414:DDM786416 CTF786414:CTQ786416 CJJ786414:CJU786416 BZN786414:BZY786416 BPR786414:BQC786416 BFV786414:BGG786416 AVZ786414:AWK786416 AMD786414:AMO786416 ACH786414:ACS786416 SL786414:SW786416 IP786414:JA786416 WVB720878:WVM720880 WLF720878:WLQ720880 WBJ720878:WBU720880 VRN720878:VRY720880 VHR720878:VIC720880 UXV720878:UYG720880 UNZ720878:UOK720880 UED720878:UEO720880 TUH720878:TUS720880 TKL720878:TKW720880 TAP720878:TBA720880 SQT720878:SRE720880 SGX720878:SHI720880 RXB720878:RXM720880 RNF720878:RNQ720880 RDJ720878:RDU720880 QTN720878:QTY720880 QJR720878:QKC720880 PZV720878:QAG720880 PPZ720878:PQK720880 PGD720878:PGO720880 OWH720878:OWS720880 OML720878:OMW720880 OCP720878:ODA720880 NST720878:NTE720880 NIX720878:NJI720880 MZB720878:MZM720880 MPF720878:MPQ720880 MFJ720878:MFU720880 LVN720878:LVY720880 LLR720878:LMC720880 LBV720878:LCG720880 KRZ720878:KSK720880 KID720878:KIO720880 JYH720878:JYS720880 JOL720878:JOW720880 JEP720878:JFA720880 IUT720878:IVE720880 IKX720878:ILI720880 IBB720878:IBM720880 HRF720878:HRQ720880 HHJ720878:HHU720880 GXN720878:GXY720880 GNR720878:GOC720880 GDV720878:GEG720880 FTZ720878:FUK720880 FKD720878:FKO720880 FAH720878:FAS720880 EQL720878:EQW720880 EGP720878:EHA720880 DWT720878:DXE720880 DMX720878:DNI720880 DDB720878:DDM720880 CTF720878:CTQ720880 CJJ720878:CJU720880 BZN720878:BZY720880 BPR720878:BQC720880 BFV720878:BGG720880 AVZ720878:AWK720880 AMD720878:AMO720880 ACH720878:ACS720880 SL720878:SW720880 IP720878:JA720880 WVB655342:WVM655344 WLF655342:WLQ655344 WBJ655342:WBU655344 VRN655342:VRY655344 VHR655342:VIC655344 UXV655342:UYG655344 UNZ655342:UOK655344 UED655342:UEO655344 TUH655342:TUS655344 TKL655342:TKW655344 TAP655342:TBA655344 SQT655342:SRE655344 SGX655342:SHI655344 RXB655342:RXM655344 RNF655342:RNQ655344 RDJ655342:RDU655344 QTN655342:QTY655344 QJR655342:QKC655344 PZV655342:QAG655344 PPZ655342:PQK655344 PGD655342:PGO655344 OWH655342:OWS655344 OML655342:OMW655344 OCP655342:ODA655344 NST655342:NTE655344 NIX655342:NJI655344 MZB655342:MZM655344 MPF655342:MPQ655344 MFJ655342:MFU655344 LVN655342:LVY655344 LLR655342:LMC655344 LBV655342:LCG655344 KRZ655342:KSK655344 KID655342:KIO655344 JYH655342:JYS655344 JOL655342:JOW655344 JEP655342:JFA655344 IUT655342:IVE655344 IKX655342:ILI655344 IBB655342:IBM655344 HRF655342:HRQ655344 HHJ655342:HHU655344 GXN655342:GXY655344 GNR655342:GOC655344 GDV655342:GEG655344 FTZ655342:FUK655344 FKD655342:FKO655344 FAH655342:FAS655344 EQL655342:EQW655344 EGP655342:EHA655344 DWT655342:DXE655344 DMX655342:DNI655344 DDB655342:DDM655344 CTF655342:CTQ655344 CJJ655342:CJU655344 BZN655342:BZY655344 BPR655342:BQC655344 BFV655342:BGG655344 AVZ655342:AWK655344 AMD655342:AMO655344 ACH655342:ACS655344 SL655342:SW655344 IP655342:JA655344 WVB589806:WVM589808 WLF589806:WLQ589808 WBJ589806:WBU589808 VRN589806:VRY589808 VHR589806:VIC589808 UXV589806:UYG589808 UNZ589806:UOK589808 UED589806:UEO589808 TUH589806:TUS589808 TKL589806:TKW589808 TAP589806:TBA589808 SQT589806:SRE589808 SGX589806:SHI589808 RXB589806:RXM589808 RNF589806:RNQ589808 RDJ589806:RDU589808 QTN589806:QTY589808 QJR589806:QKC589808 PZV589806:QAG589808 PPZ589806:PQK589808 PGD589806:PGO589808 OWH589806:OWS589808 OML589806:OMW589808 OCP589806:ODA589808 NST589806:NTE589808 NIX589806:NJI589808 MZB589806:MZM589808 MPF589806:MPQ589808 MFJ589806:MFU589808 LVN589806:LVY589808 LLR589806:LMC589808 LBV589806:LCG589808 KRZ589806:KSK589808 KID589806:KIO589808 JYH589806:JYS589808 JOL589806:JOW589808 JEP589806:JFA589808 IUT589806:IVE589808 IKX589806:ILI589808 IBB589806:IBM589808 HRF589806:HRQ589808 HHJ589806:HHU589808 GXN589806:GXY589808 GNR589806:GOC589808 GDV589806:GEG589808 FTZ589806:FUK589808 FKD589806:FKO589808 FAH589806:FAS589808 EQL589806:EQW589808 EGP589806:EHA589808 DWT589806:DXE589808 DMX589806:DNI589808 DDB589806:DDM589808 CTF589806:CTQ589808 CJJ589806:CJU589808 BZN589806:BZY589808 BPR589806:BQC589808 BFV589806:BGG589808 AVZ589806:AWK589808 AMD589806:AMO589808 ACH589806:ACS589808 SL589806:SW589808 IP589806:JA589808 WVB524270:WVM524272 WLF524270:WLQ524272 WBJ524270:WBU524272 VRN524270:VRY524272 VHR524270:VIC524272 UXV524270:UYG524272 UNZ524270:UOK524272 UED524270:UEO524272 TUH524270:TUS524272 TKL524270:TKW524272 TAP524270:TBA524272 SQT524270:SRE524272 SGX524270:SHI524272 RXB524270:RXM524272 RNF524270:RNQ524272 RDJ524270:RDU524272 QTN524270:QTY524272 QJR524270:QKC524272 PZV524270:QAG524272 PPZ524270:PQK524272 PGD524270:PGO524272 OWH524270:OWS524272 OML524270:OMW524272 OCP524270:ODA524272 NST524270:NTE524272 NIX524270:NJI524272 MZB524270:MZM524272 MPF524270:MPQ524272 MFJ524270:MFU524272 LVN524270:LVY524272 LLR524270:LMC524272 LBV524270:LCG524272 KRZ524270:KSK524272 KID524270:KIO524272 JYH524270:JYS524272 JOL524270:JOW524272 JEP524270:JFA524272 IUT524270:IVE524272 IKX524270:ILI524272 IBB524270:IBM524272 HRF524270:HRQ524272 HHJ524270:HHU524272 GXN524270:GXY524272 GNR524270:GOC524272 GDV524270:GEG524272 FTZ524270:FUK524272 FKD524270:FKO524272 FAH524270:FAS524272 EQL524270:EQW524272 EGP524270:EHA524272 DWT524270:DXE524272 DMX524270:DNI524272 DDB524270:DDM524272 CTF524270:CTQ524272 CJJ524270:CJU524272 BZN524270:BZY524272 BPR524270:BQC524272 BFV524270:BGG524272 AVZ524270:AWK524272 AMD524270:AMO524272 ACH524270:ACS524272 SL524270:SW524272 IP524270:JA524272 WVB458734:WVM458736 WLF458734:WLQ458736 WBJ458734:WBU458736 VRN458734:VRY458736 VHR458734:VIC458736 UXV458734:UYG458736 UNZ458734:UOK458736 UED458734:UEO458736 TUH458734:TUS458736 TKL458734:TKW458736 TAP458734:TBA458736 SQT458734:SRE458736 SGX458734:SHI458736 RXB458734:RXM458736 RNF458734:RNQ458736 RDJ458734:RDU458736 QTN458734:QTY458736 QJR458734:QKC458736 PZV458734:QAG458736 PPZ458734:PQK458736 PGD458734:PGO458736 OWH458734:OWS458736 OML458734:OMW458736 OCP458734:ODA458736 NST458734:NTE458736 NIX458734:NJI458736 MZB458734:MZM458736 MPF458734:MPQ458736 MFJ458734:MFU458736 LVN458734:LVY458736 LLR458734:LMC458736 LBV458734:LCG458736 KRZ458734:KSK458736 KID458734:KIO458736 JYH458734:JYS458736 JOL458734:JOW458736 JEP458734:JFA458736 IUT458734:IVE458736 IKX458734:ILI458736 IBB458734:IBM458736 HRF458734:HRQ458736 HHJ458734:HHU458736 GXN458734:GXY458736 GNR458734:GOC458736 GDV458734:GEG458736 FTZ458734:FUK458736 FKD458734:FKO458736 FAH458734:FAS458736 EQL458734:EQW458736 EGP458734:EHA458736 DWT458734:DXE458736 DMX458734:DNI458736 DDB458734:DDM458736 CTF458734:CTQ458736 CJJ458734:CJU458736 BZN458734:BZY458736 BPR458734:BQC458736 BFV458734:BGG458736 AVZ458734:AWK458736 AMD458734:AMO458736 ACH458734:ACS458736 SL458734:SW458736 IP458734:JA458736 WVB393198:WVM393200 WLF393198:WLQ393200 WBJ393198:WBU393200 VRN393198:VRY393200 VHR393198:VIC393200 UXV393198:UYG393200 UNZ393198:UOK393200 UED393198:UEO393200 TUH393198:TUS393200 TKL393198:TKW393200 TAP393198:TBA393200 SQT393198:SRE393200 SGX393198:SHI393200 RXB393198:RXM393200 RNF393198:RNQ393200 RDJ393198:RDU393200 QTN393198:QTY393200 QJR393198:QKC393200 PZV393198:QAG393200 PPZ393198:PQK393200 PGD393198:PGO393200 OWH393198:OWS393200 OML393198:OMW393200 OCP393198:ODA393200 NST393198:NTE393200 NIX393198:NJI393200 MZB393198:MZM393200 MPF393198:MPQ393200 MFJ393198:MFU393200 LVN393198:LVY393200 LLR393198:LMC393200 LBV393198:LCG393200 KRZ393198:KSK393200 KID393198:KIO393200 JYH393198:JYS393200 JOL393198:JOW393200 JEP393198:JFA393200 IUT393198:IVE393200 IKX393198:ILI393200 IBB393198:IBM393200 HRF393198:HRQ393200 HHJ393198:HHU393200 GXN393198:GXY393200 GNR393198:GOC393200 GDV393198:GEG393200 FTZ393198:FUK393200 FKD393198:FKO393200 FAH393198:FAS393200 EQL393198:EQW393200 EGP393198:EHA393200 DWT393198:DXE393200 DMX393198:DNI393200 DDB393198:DDM393200 CTF393198:CTQ393200 CJJ393198:CJU393200 BZN393198:BZY393200 BPR393198:BQC393200 BFV393198:BGG393200 AVZ393198:AWK393200 AMD393198:AMO393200 ACH393198:ACS393200 SL393198:SW393200 IP393198:JA393200 WVB327662:WVM327664 WLF327662:WLQ327664 WBJ327662:WBU327664 VRN327662:VRY327664 VHR327662:VIC327664 UXV327662:UYG327664 UNZ327662:UOK327664 UED327662:UEO327664 TUH327662:TUS327664 TKL327662:TKW327664 TAP327662:TBA327664 SQT327662:SRE327664 SGX327662:SHI327664 RXB327662:RXM327664 RNF327662:RNQ327664 RDJ327662:RDU327664 QTN327662:QTY327664 QJR327662:QKC327664 PZV327662:QAG327664 PPZ327662:PQK327664 PGD327662:PGO327664 OWH327662:OWS327664 OML327662:OMW327664 OCP327662:ODA327664 NST327662:NTE327664 NIX327662:NJI327664 MZB327662:MZM327664 MPF327662:MPQ327664 MFJ327662:MFU327664 LVN327662:LVY327664 LLR327662:LMC327664 LBV327662:LCG327664 KRZ327662:KSK327664 KID327662:KIO327664 JYH327662:JYS327664 JOL327662:JOW327664 JEP327662:JFA327664 IUT327662:IVE327664 IKX327662:ILI327664 IBB327662:IBM327664 HRF327662:HRQ327664 HHJ327662:HHU327664 GXN327662:GXY327664 GNR327662:GOC327664 GDV327662:GEG327664 FTZ327662:FUK327664 FKD327662:FKO327664 FAH327662:FAS327664 EQL327662:EQW327664 EGP327662:EHA327664 DWT327662:DXE327664 DMX327662:DNI327664 DDB327662:DDM327664 CTF327662:CTQ327664 CJJ327662:CJU327664 BZN327662:BZY327664 BPR327662:BQC327664 BFV327662:BGG327664 AVZ327662:AWK327664 AMD327662:AMO327664 ACH327662:ACS327664 SL327662:SW327664 IP327662:JA327664 WVB262126:WVM262128 WLF262126:WLQ262128 WBJ262126:WBU262128 VRN262126:VRY262128 VHR262126:VIC262128 UXV262126:UYG262128 UNZ262126:UOK262128 UED262126:UEO262128 TUH262126:TUS262128 TKL262126:TKW262128 TAP262126:TBA262128 SQT262126:SRE262128 SGX262126:SHI262128 RXB262126:RXM262128 RNF262126:RNQ262128 RDJ262126:RDU262128 QTN262126:QTY262128 QJR262126:QKC262128 PZV262126:QAG262128 PPZ262126:PQK262128 PGD262126:PGO262128 OWH262126:OWS262128 OML262126:OMW262128 OCP262126:ODA262128 NST262126:NTE262128 NIX262126:NJI262128 MZB262126:MZM262128 MPF262126:MPQ262128 MFJ262126:MFU262128 LVN262126:LVY262128 LLR262126:LMC262128 LBV262126:LCG262128 KRZ262126:KSK262128 KID262126:KIO262128 JYH262126:JYS262128 JOL262126:JOW262128 JEP262126:JFA262128 IUT262126:IVE262128 IKX262126:ILI262128 IBB262126:IBM262128 HRF262126:HRQ262128 HHJ262126:HHU262128 GXN262126:GXY262128 GNR262126:GOC262128 GDV262126:GEG262128 FTZ262126:FUK262128 FKD262126:FKO262128 FAH262126:FAS262128 EQL262126:EQW262128 EGP262126:EHA262128 DWT262126:DXE262128 DMX262126:DNI262128 DDB262126:DDM262128 CTF262126:CTQ262128 CJJ262126:CJU262128 BZN262126:BZY262128 BPR262126:BQC262128 BFV262126:BGG262128 AVZ262126:AWK262128 AMD262126:AMO262128 ACH262126:ACS262128 SL262126:SW262128 IP262126:JA262128 WVB196590:WVM196592 WLF196590:WLQ196592 WBJ196590:WBU196592 VRN196590:VRY196592 VHR196590:VIC196592 UXV196590:UYG196592 UNZ196590:UOK196592 UED196590:UEO196592 TUH196590:TUS196592 TKL196590:TKW196592 TAP196590:TBA196592 SQT196590:SRE196592 SGX196590:SHI196592 RXB196590:RXM196592 RNF196590:RNQ196592 RDJ196590:RDU196592 QTN196590:QTY196592 QJR196590:QKC196592 PZV196590:QAG196592 PPZ196590:PQK196592 PGD196590:PGO196592 OWH196590:OWS196592 OML196590:OMW196592 OCP196590:ODA196592 NST196590:NTE196592 NIX196590:NJI196592 MZB196590:MZM196592 MPF196590:MPQ196592 MFJ196590:MFU196592 LVN196590:LVY196592 LLR196590:LMC196592 LBV196590:LCG196592 KRZ196590:KSK196592 KID196590:KIO196592 JYH196590:JYS196592 JOL196590:JOW196592 JEP196590:JFA196592 IUT196590:IVE196592 IKX196590:ILI196592 IBB196590:IBM196592 HRF196590:HRQ196592 HHJ196590:HHU196592 GXN196590:GXY196592 GNR196590:GOC196592 GDV196590:GEG196592 FTZ196590:FUK196592 FKD196590:FKO196592 FAH196590:FAS196592 EQL196590:EQW196592 EGP196590:EHA196592 DWT196590:DXE196592 DMX196590:DNI196592 DDB196590:DDM196592 CTF196590:CTQ196592 CJJ196590:CJU196592 BZN196590:BZY196592 BPR196590:BQC196592 BFV196590:BGG196592 AVZ196590:AWK196592 AMD196590:AMO196592 ACH196590:ACS196592 SL196590:SW196592 IP196590:JA196592 WVB131054:WVM131056 WLF131054:WLQ131056 WBJ131054:WBU131056 VRN131054:VRY131056 VHR131054:VIC131056 UXV131054:UYG131056 UNZ131054:UOK131056 UED131054:UEO131056 TUH131054:TUS131056 TKL131054:TKW131056 TAP131054:TBA131056 SQT131054:SRE131056 SGX131054:SHI131056 RXB131054:RXM131056 RNF131054:RNQ131056 RDJ131054:RDU131056 QTN131054:QTY131056 QJR131054:QKC131056 PZV131054:QAG131056 PPZ131054:PQK131056 PGD131054:PGO131056 OWH131054:OWS131056 OML131054:OMW131056 OCP131054:ODA131056 NST131054:NTE131056 NIX131054:NJI131056 MZB131054:MZM131056 MPF131054:MPQ131056 MFJ131054:MFU131056 LVN131054:LVY131056 LLR131054:LMC131056 LBV131054:LCG131056 KRZ131054:KSK131056 KID131054:KIO131056 JYH131054:JYS131056 JOL131054:JOW131056 JEP131054:JFA131056 IUT131054:IVE131056 IKX131054:ILI131056 IBB131054:IBM131056 HRF131054:HRQ131056 HHJ131054:HHU131056 GXN131054:GXY131056 GNR131054:GOC131056 GDV131054:GEG131056 FTZ131054:FUK131056 FKD131054:FKO131056 FAH131054:FAS131056 EQL131054:EQW131056 EGP131054:EHA131056 DWT131054:DXE131056 DMX131054:DNI131056 DDB131054:DDM131056 CTF131054:CTQ131056 CJJ131054:CJU131056 BZN131054:BZY131056 BPR131054:BQC131056 BFV131054:BGG131056 AVZ131054:AWK131056 AMD131054:AMO131056 ACH131054:ACS131056 SL131054:SW131056 IP131054:JA131056 WVB65518:WVM65520 WLF65518:WLQ65520 WBJ65518:WBU65520 VRN65518:VRY65520 VHR65518:VIC65520 UXV65518:UYG65520 UNZ65518:UOK65520 UED65518:UEO65520 TUH65518:TUS65520 TKL65518:TKW65520 TAP65518:TBA65520 SQT65518:SRE65520 SGX65518:SHI65520 RXB65518:RXM65520 RNF65518:RNQ65520 RDJ65518:RDU65520 QTN65518:QTY65520 QJR65518:QKC65520 PZV65518:QAG65520 PPZ65518:PQK65520 PGD65518:PGO65520 OWH65518:OWS65520 OML65518:OMW65520 OCP65518:ODA65520 NST65518:NTE65520 NIX65518:NJI65520 MZB65518:MZM65520 MPF65518:MPQ65520 MFJ65518:MFU65520 LVN65518:LVY65520 LLR65518:LMC65520 LBV65518:LCG65520 KRZ65518:KSK65520 KID65518:KIO65520 JYH65518:JYS65520 JOL65518:JOW65520 JEP65518:JFA65520 IUT65518:IVE65520 IKX65518:ILI65520 IBB65518:IBM65520 HRF65518:HRQ65520 HHJ65518:HHU65520 GXN65518:GXY65520 GNR65518:GOC65520 GDV65518:GEG65520 FTZ65518:FUK65520 FKD65518:FKO65520 FAH65518:FAS65520 EQL65518:EQW65520 EGP65518:EHA65520 DWT65518:DXE65520 DMX65518:DNI65520 DDB65518:DDM65520 CTF65518:CTQ65520 CJJ65518:CJU65520 BZN65518:BZY65520 BPR65518:BQC65520 BFV65518:BGG65520 AVZ65518:AWK65520 AMD65518:AMO65520 ACH65518:ACS65520 SL65518:SW65520 IP65518:JA65520 E65518:O65520 E131054:O131056 E196590:O196592 E262126:O262128 E327662:O327664 E393198:O393200 E458734:O458736 E524270:O524272 E589806:O589808 E655342:O655344 E720878:O720880 E786414:O786416 E851950:O851952 E917486:O917488 E983022:O983024 H11:H13 SL11:SW13 ACH11:ACS13 AMD11:AMO13 AVZ11:AWK13 BFV11:BGG13 BPR11:BQC13 BZN11:BZY13 CJJ11:CJU13 CTF11:CTQ13 DDB11:DDM13 DMX11:DNI13 DWT11:DXE13 EGP11:EHA13 EQL11:EQW13 FAH11:FAS13 FKD11:FKO13 FTZ11:FUK13 GDV11:GEG13 GNR11:GOC13 GXN11:GXY13 HHJ11:HHU13 HRF11:HRQ13 IBB11:IBM13 IKX11:ILI13 IUT11:IVE13 JEP11:JFA13 JOL11:JOW13 JYH11:JYS13 KID11:KIO13 KRZ11:KSK13 LBV11:LCG13 LLR11:LMC13 LVN11:LVY13 MFJ11:MFU13 MPF11:MPQ13 MZB11:MZM13 NIX11:NJI13 NST11:NTE13 OCP11:ODA13 OML11:OMW13 OWH11:OWS13 PGD11:PGO13 PPZ11:PQK13 PZV11:QAG13 QJR11:QKC13 QTN11:QTY13 RDJ11:RDU13 RNF11:RNQ13 RXB11:RXM13 SGX11:SHI13 SQT11:SRE13 TAP11:TBA13 TKL11:TKW13 TUH11:TUS13 UED11:UEO13 UNZ11:UOK13 UXV11:UYG13 VHR11:VIC13 VRN11:VRY13 WBJ11:WBU13 WLF11:WLQ13 WVB11:WVM13 IP11:JA13" xr:uid="{00000000-0002-0000-0500-000004000000}">
      <formula1>E11=DBCS(E11)</formula1>
    </dataValidation>
    <dataValidation type="list" allowBlank="1" showInputMessage="1" showErrorMessage="1" sqref="WVL983032:WVN983035 WLP983032:WLR983035 WBT983032:WBV983035 VRX983032:VRZ983035 VIB983032:VID983035 UYF983032:UYH983035 UOJ983032:UOL983035 UEN983032:UEP983035 TUR983032:TUT983035 TKV983032:TKX983035 TAZ983032:TBB983035 SRD983032:SRF983035 SHH983032:SHJ983035 RXL983032:RXN983035 RNP983032:RNR983035 RDT983032:RDV983035 QTX983032:QTZ983035 QKB983032:QKD983035 QAF983032:QAH983035 PQJ983032:PQL983035 PGN983032:PGP983035 OWR983032:OWT983035 OMV983032:OMX983035 OCZ983032:ODB983035 NTD983032:NTF983035 NJH983032:NJJ983035 MZL983032:MZN983035 MPP983032:MPR983035 MFT983032:MFV983035 LVX983032:LVZ983035 LMB983032:LMD983035 LCF983032:LCH983035 KSJ983032:KSL983035 KIN983032:KIP983035 JYR983032:JYT983035 JOV983032:JOX983035 JEZ983032:JFB983035 IVD983032:IVF983035 ILH983032:ILJ983035 IBL983032:IBN983035 HRP983032:HRR983035 HHT983032:HHV983035 GXX983032:GXZ983035 GOB983032:GOD983035 GEF983032:GEH983035 FUJ983032:FUL983035 FKN983032:FKP983035 FAR983032:FAT983035 EQV983032:EQX983035 EGZ983032:EHB983035 DXD983032:DXF983035 DNH983032:DNJ983035 DDL983032:DDN983035 CTP983032:CTR983035 CJT983032:CJV983035 BZX983032:BZZ983035 BQB983032:BQD983035 BGF983032:BGH983035 AWJ983032:AWL983035 AMN983032:AMP983035 ACR983032:ACT983035 SV983032:SX983035 IZ983032:JB983035 N983032:P983035 WVL917496:WVN917499 WLP917496:WLR917499 WBT917496:WBV917499 VRX917496:VRZ917499 VIB917496:VID917499 UYF917496:UYH917499 UOJ917496:UOL917499 UEN917496:UEP917499 TUR917496:TUT917499 TKV917496:TKX917499 TAZ917496:TBB917499 SRD917496:SRF917499 SHH917496:SHJ917499 RXL917496:RXN917499 RNP917496:RNR917499 RDT917496:RDV917499 QTX917496:QTZ917499 QKB917496:QKD917499 QAF917496:QAH917499 PQJ917496:PQL917499 PGN917496:PGP917499 OWR917496:OWT917499 OMV917496:OMX917499 OCZ917496:ODB917499 NTD917496:NTF917499 NJH917496:NJJ917499 MZL917496:MZN917499 MPP917496:MPR917499 MFT917496:MFV917499 LVX917496:LVZ917499 LMB917496:LMD917499 LCF917496:LCH917499 KSJ917496:KSL917499 KIN917496:KIP917499 JYR917496:JYT917499 JOV917496:JOX917499 JEZ917496:JFB917499 IVD917496:IVF917499 ILH917496:ILJ917499 IBL917496:IBN917499 HRP917496:HRR917499 HHT917496:HHV917499 GXX917496:GXZ917499 GOB917496:GOD917499 GEF917496:GEH917499 FUJ917496:FUL917499 FKN917496:FKP917499 FAR917496:FAT917499 EQV917496:EQX917499 EGZ917496:EHB917499 DXD917496:DXF917499 DNH917496:DNJ917499 DDL917496:DDN917499 CTP917496:CTR917499 CJT917496:CJV917499 BZX917496:BZZ917499 BQB917496:BQD917499 BGF917496:BGH917499 AWJ917496:AWL917499 AMN917496:AMP917499 ACR917496:ACT917499 SV917496:SX917499 IZ917496:JB917499 N917496:P917499 WVL851960:WVN851963 WLP851960:WLR851963 WBT851960:WBV851963 VRX851960:VRZ851963 VIB851960:VID851963 UYF851960:UYH851963 UOJ851960:UOL851963 UEN851960:UEP851963 TUR851960:TUT851963 TKV851960:TKX851963 TAZ851960:TBB851963 SRD851960:SRF851963 SHH851960:SHJ851963 RXL851960:RXN851963 RNP851960:RNR851963 RDT851960:RDV851963 QTX851960:QTZ851963 QKB851960:QKD851963 QAF851960:QAH851963 PQJ851960:PQL851963 PGN851960:PGP851963 OWR851960:OWT851963 OMV851960:OMX851963 OCZ851960:ODB851963 NTD851960:NTF851963 NJH851960:NJJ851963 MZL851960:MZN851963 MPP851960:MPR851963 MFT851960:MFV851963 LVX851960:LVZ851963 LMB851960:LMD851963 LCF851960:LCH851963 KSJ851960:KSL851963 KIN851960:KIP851963 JYR851960:JYT851963 JOV851960:JOX851963 JEZ851960:JFB851963 IVD851960:IVF851963 ILH851960:ILJ851963 IBL851960:IBN851963 HRP851960:HRR851963 HHT851960:HHV851963 GXX851960:GXZ851963 GOB851960:GOD851963 GEF851960:GEH851963 FUJ851960:FUL851963 FKN851960:FKP851963 FAR851960:FAT851963 EQV851960:EQX851963 EGZ851960:EHB851963 DXD851960:DXF851963 DNH851960:DNJ851963 DDL851960:DDN851963 CTP851960:CTR851963 CJT851960:CJV851963 BZX851960:BZZ851963 BQB851960:BQD851963 BGF851960:BGH851963 AWJ851960:AWL851963 AMN851960:AMP851963 ACR851960:ACT851963 SV851960:SX851963 IZ851960:JB851963 N851960:P851963 WVL786424:WVN786427 WLP786424:WLR786427 WBT786424:WBV786427 VRX786424:VRZ786427 VIB786424:VID786427 UYF786424:UYH786427 UOJ786424:UOL786427 UEN786424:UEP786427 TUR786424:TUT786427 TKV786424:TKX786427 TAZ786424:TBB786427 SRD786424:SRF786427 SHH786424:SHJ786427 RXL786424:RXN786427 RNP786424:RNR786427 RDT786424:RDV786427 QTX786424:QTZ786427 QKB786424:QKD786427 QAF786424:QAH786427 PQJ786424:PQL786427 PGN786424:PGP786427 OWR786424:OWT786427 OMV786424:OMX786427 OCZ786424:ODB786427 NTD786424:NTF786427 NJH786424:NJJ786427 MZL786424:MZN786427 MPP786424:MPR786427 MFT786424:MFV786427 LVX786424:LVZ786427 LMB786424:LMD786427 LCF786424:LCH786427 KSJ786424:KSL786427 KIN786424:KIP786427 JYR786424:JYT786427 JOV786424:JOX786427 JEZ786424:JFB786427 IVD786424:IVF786427 ILH786424:ILJ786427 IBL786424:IBN786427 HRP786424:HRR786427 HHT786424:HHV786427 GXX786424:GXZ786427 GOB786424:GOD786427 GEF786424:GEH786427 FUJ786424:FUL786427 FKN786424:FKP786427 FAR786424:FAT786427 EQV786424:EQX786427 EGZ786424:EHB786427 DXD786424:DXF786427 DNH786424:DNJ786427 DDL786424:DDN786427 CTP786424:CTR786427 CJT786424:CJV786427 BZX786424:BZZ786427 BQB786424:BQD786427 BGF786424:BGH786427 AWJ786424:AWL786427 AMN786424:AMP786427 ACR786424:ACT786427 SV786424:SX786427 IZ786424:JB786427 N786424:P786427 WVL720888:WVN720891 WLP720888:WLR720891 WBT720888:WBV720891 VRX720888:VRZ720891 VIB720888:VID720891 UYF720888:UYH720891 UOJ720888:UOL720891 UEN720888:UEP720891 TUR720888:TUT720891 TKV720888:TKX720891 TAZ720888:TBB720891 SRD720888:SRF720891 SHH720888:SHJ720891 RXL720888:RXN720891 RNP720888:RNR720891 RDT720888:RDV720891 QTX720888:QTZ720891 QKB720888:QKD720891 QAF720888:QAH720891 PQJ720888:PQL720891 PGN720888:PGP720891 OWR720888:OWT720891 OMV720888:OMX720891 OCZ720888:ODB720891 NTD720888:NTF720891 NJH720888:NJJ720891 MZL720888:MZN720891 MPP720888:MPR720891 MFT720888:MFV720891 LVX720888:LVZ720891 LMB720888:LMD720891 LCF720888:LCH720891 KSJ720888:KSL720891 KIN720888:KIP720891 JYR720888:JYT720891 JOV720888:JOX720891 JEZ720888:JFB720891 IVD720888:IVF720891 ILH720888:ILJ720891 IBL720888:IBN720891 HRP720888:HRR720891 HHT720888:HHV720891 GXX720888:GXZ720891 GOB720888:GOD720891 GEF720888:GEH720891 FUJ720888:FUL720891 FKN720888:FKP720891 FAR720888:FAT720891 EQV720888:EQX720891 EGZ720888:EHB720891 DXD720888:DXF720891 DNH720888:DNJ720891 DDL720888:DDN720891 CTP720888:CTR720891 CJT720888:CJV720891 BZX720888:BZZ720891 BQB720888:BQD720891 BGF720888:BGH720891 AWJ720888:AWL720891 AMN720888:AMP720891 ACR720888:ACT720891 SV720888:SX720891 IZ720888:JB720891 N720888:P720891 WVL655352:WVN655355 WLP655352:WLR655355 WBT655352:WBV655355 VRX655352:VRZ655355 VIB655352:VID655355 UYF655352:UYH655355 UOJ655352:UOL655355 UEN655352:UEP655355 TUR655352:TUT655355 TKV655352:TKX655355 TAZ655352:TBB655355 SRD655352:SRF655355 SHH655352:SHJ655355 RXL655352:RXN655355 RNP655352:RNR655355 RDT655352:RDV655355 QTX655352:QTZ655355 QKB655352:QKD655355 QAF655352:QAH655355 PQJ655352:PQL655355 PGN655352:PGP655355 OWR655352:OWT655355 OMV655352:OMX655355 OCZ655352:ODB655355 NTD655352:NTF655355 NJH655352:NJJ655355 MZL655352:MZN655355 MPP655352:MPR655355 MFT655352:MFV655355 LVX655352:LVZ655355 LMB655352:LMD655355 LCF655352:LCH655355 KSJ655352:KSL655355 KIN655352:KIP655355 JYR655352:JYT655355 JOV655352:JOX655355 JEZ655352:JFB655355 IVD655352:IVF655355 ILH655352:ILJ655355 IBL655352:IBN655355 HRP655352:HRR655355 HHT655352:HHV655355 GXX655352:GXZ655355 GOB655352:GOD655355 GEF655352:GEH655355 FUJ655352:FUL655355 FKN655352:FKP655355 FAR655352:FAT655355 EQV655352:EQX655355 EGZ655352:EHB655355 DXD655352:DXF655355 DNH655352:DNJ655355 DDL655352:DDN655355 CTP655352:CTR655355 CJT655352:CJV655355 BZX655352:BZZ655355 BQB655352:BQD655355 BGF655352:BGH655355 AWJ655352:AWL655355 AMN655352:AMP655355 ACR655352:ACT655355 SV655352:SX655355 IZ655352:JB655355 N655352:P655355 WVL589816:WVN589819 WLP589816:WLR589819 WBT589816:WBV589819 VRX589816:VRZ589819 VIB589816:VID589819 UYF589816:UYH589819 UOJ589816:UOL589819 UEN589816:UEP589819 TUR589816:TUT589819 TKV589816:TKX589819 TAZ589816:TBB589819 SRD589816:SRF589819 SHH589816:SHJ589819 RXL589816:RXN589819 RNP589816:RNR589819 RDT589816:RDV589819 QTX589816:QTZ589819 QKB589816:QKD589819 QAF589816:QAH589819 PQJ589816:PQL589819 PGN589816:PGP589819 OWR589816:OWT589819 OMV589816:OMX589819 OCZ589816:ODB589819 NTD589816:NTF589819 NJH589816:NJJ589819 MZL589816:MZN589819 MPP589816:MPR589819 MFT589816:MFV589819 LVX589816:LVZ589819 LMB589816:LMD589819 LCF589816:LCH589819 KSJ589816:KSL589819 KIN589816:KIP589819 JYR589816:JYT589819 JOV589816:JOX589819 JEZ589816:JFB589819 IVD589816:IVF589819 ILH589816:ILJ589819 IBL589816:IBN589819 HRP589816:HRR589819 HHT589816:HHV589819 GXX589816:GXZ589819 GOB589816:GOD589819 GEF589816:GEH589819 FUJ589816:FUL589819 FKN589816:FKP589819 FAR589816:FAT589819 EQV589816:EQX589819 EGZ589816:EHB589819 DXD589816:DXF589819 DNH589816:DNJ589819 DDL589816:DDN589819 CTP589816:CTR589819 CJT589816:CJV589819 BZX589816:BZZ589819 BQB589816:BQD589819 BGF589816:BGH589819 AWJ589816:AWL589819 AMN589816:AMP589819 ACR589816:ACT589819 SV589816:SX589819 IZ589816:JB589819 N589816:P589819 WVL524280:WVN524283 WLP524280:WLR524283 WBT524280:WBV524283 VRX524280:VRZ524283 VIB524280:VID524283 UYF524280:UYH524283 UOJ524280:UOL524283 UEN524280:UEP524283 TUR524280:TUT524283 TKV524280:TKX524283 TAZ524280:TBB524283 SRD524280:SRF524283 SHH524280:SHJ524283 RXL524280:RXN524283 RNP524280:RNR524283 RDT524280:RDV524283 QTX524280:QTZ524283 QKB524280:QKD524283 QAF524280:QAH524283 PQJ524280:PQL524283 PGN524280:PGP524283 OWR524280:OWT524283 OMV524280:OMX524283 OCZ524280:ODB524283 NTD524280:NTF524283 NJH524280:NJJ524283 MZL524280:MZN524283 MPP524280:MPR524283 MFT524280:MFV524283 LVX524280:LVZ524283 LMB524280:LMD524283 LCF524280:LCH524283 KSJ524280:KSL524283 KIN524280:KIP524283 JYR524280:JYT524283 JOV524280:JOX524283 JEZ524280:JFB524283 IVD524280:IVF524283 ILH524280:ILJ524283 IBL524280:IBN524283 HRP524280:HRR524283 HHT524280:HHV524283 GXX524280:GXZ524283 GOB524280:GOD524283 GEF524280:GEH524283 FUJ524280:FUL524283 FKN524280:FKP524283 FAR524280:FAT524283 EQV524280:EQX524283 EGZ524280:EHB524283 DXD524280:DXF524283 DNH524280:DNJ524283 DDL524280:DDN524283 CTP524280:CTR524283 CJT524280:CJV524283 BZX524280:BZZ524283 BQB524280:BQD524283 BGF524280:BGH524283 AWJ524280:AWL524283 AMN524280:AMP524283 ACR524280:ACT524283 SV524280:SX524283 IZ524280:JB524283 N524280:P524283 WVL458744:WVN458747 WLP458744:WLR458747 WBT458744:WBV458747 VRX458744:VRZ458747 VIB458744:VID458747 UYF458744:UYH458747 UOJ458744:UOL458747 UEN458744:UEP458747 TUR458744:TUT458747 TKV458744:TKX458747 TAZ458744:TBB458747 SRD458744:SRF458747 SHH458744:SHJ458747 RXL458744:RXN458747 RNP458744:RNR458747 RDT458744:RDV458747 QTX458744:QTZ458747 QKB458744:QKD458747 QAF458744:QAH458747 PQJ458744:PQL458747 PGN458744:PGP458747 OWR458744:OWT458747 OMV458744:OMX458747 OCZ458744:ODB458747 NTD458744:NTF458747 NJH458744:NJJ458747 MZL458744:MZN458747 MPP458744:MPR458747 MFT458744:MFV458747 LVX458744:LVZ458747 LMB458744:LMD458747 LCF458744:LCH458747 KSJ458744:KSL458747 KIN458744:KIP458747 JYR458744:JYT458747 JOV458744:JOX458747 JEZ458744:JFB458747 IVD458744:IVF458747 ILH458744:ILJ458747 IBL458744:IBN458747 HRP458744:HRR458747 HHT458744:HHV458747 GXX458744:GXZ458747 GOB458744:GOD458747 GEF458744:GEH458747 FUJ458744:FUL458747 FKN458744:FKP458747 FAR458744:FAT458747 EQV458744:EQX458747 EGZ458744:EHB458747 DXD458744:DXF458747 DNH458744:DNJ458747 DDL458744:DDN458747 CTP458744:CTR458747 CJT458744:CJV458747 BZX458744:BZZ458747 BQB458744:BQD458747 BGF458744:BGH458747 AWJ458744:AWL458747 AMN458744:AMP458747 ACR458744:ACT458747 SV458744:SX458747 IZ458744:JB458747 N458744:P458747 WVL393208:WVN393211 WLP393208:WLR393211 WBT393208:WBV393211 VRX393208:VRZ393211 VIB393208:VID393211 UYF393208:UYH393211 UOJ393208:UOL393211 UEN393208:UEP393211 TUR393208:TUT393211 TKV393208:TKX393211 TAZ393208:TBB393211 SRD393208:SRF393211 SHH393208:SHJ393211 RXL393208:RXN393211 RNP393208:RNR393211 RDT393208:RDV393211 QTX393208:QTZ393211 QKB393208:QKD393211 QAF393208:QAH393211 PQJ393208:PQL393211 PGN393208:PGP393211 OWR393208:OWT393211 OMV393208:OMX393211 OCZ393208:ODB393211 NTD393208:NTF393211 NJH393208:NJJ393211 MZL393208:MZN393211 MPP393208:MPR393211 MFT393208:MFV393211 LVX393208:LVZ393211 LMB393208:LMD393211 LCF393208:LCH393211 KSJ393208:KSL393211 KIN393208:KIP393211 JYR393208:JYT393211 JOV393208:JOX393211 JEZ393208:JFB393211 IVD393208:IVF393211 ILH393208:ILJ393211 IBL393208:IBN393211 HRP393208:HRR393211 HHT393208:HHV393211 GXX393208:GXZ393211 GOB393208:GOD393211 GEF393208:GEH393211 FUJ393208:FUL393211 FKN393208:FKP393211 FAR393208:FAT393211 EQV393208:EQX393211 EGZ393208:EHB393211 DXD393208:DXF393211 DNH393208:DNJ393211 DDL393208:DDN393211 CTP393208:CTR393211 CJT393208:CJV393211 BZX393208:BZZ393211 BQB393208:BQD393211 BGF393208:BGH393211 AWJ393208:AWL393211 AMN393208:AMP393211 ACR393208:ACT393211 SV393208:SX393211 IZ393208:JB393211 N393208:P393211 WVL327672:WVN327675 WLP327672:WLR327675 WBT327672:WBV327675 VRX327672:VRZ327675 VIB327672:VID327675 UYF327672:UYH327675 UOJ327672:UOL327675 UEN327672:UEP327675 TUR327672:TUT327675 TKV327672:TKX327675 TAZ327672:TBB327675 SRD327672:SRF327675 SHH327672:SHJ327675 RXL327672:RXN327675 RNP327672:RNR327675 RDT327672:RDV327675 QTX327672:QTZ327675 QKB327672:QKD327675 QAF327672:QAH327675 PQJ327672:PQL327675 PGN327672:PGP327675 OWR327672:OWT327675 OMV327672:OMX327675 OCZ327672:ODB327675 NTD327672:NTF327675 NJH327672:NJJ327675 MZL327672:MZN327675 MPP327672:MPR327675 MFT327672:MFV327675 LVX327672:LVZ327675 LMB327672:LMD327675 LCF327672:LCH327675 KSJ327672:KSL327675 KIN327672:KIP327675 JYR327672:JYT327675 JOV327672:JOX327675 JEZ327672:JFB327675 IVD327672:IVF327675 ILH327672:ILJ327675 IBL327672:IBN327675 HRP327672:HRR327675 HHT327672:HHV327675 GXX327672:GXZ327675 GOB327672:GOD327675 GEF327672:GEH327675 FUJ327672:FUL327675 FKN327672:FKP327675 FAR327672:FAT327675 EQV327672:EQX327675 EGZ327672:EHB327675 DXD327672:DXF327675 DNH327672:DNJ327675 DDL327672:DDN327675 CTP327672:CTR327675 CJT327672:CJV327675 BZX327672:BZZ327675 BQB327672:BQD327675 BGF327672:BGH327675 AWJ327672:AWL327675 AMN327672:AMP327675 ACR327672:ACT327675 SV327672:SX327675 IZ327672:JB327675 N327672:P327675 WVL262136:WVN262139 WLP262136:WLR262139 WBT262136:WBV262139 VRX262136:VRZ262139 VIB262136:VID262139 UYF262136:UYH262139 UOJ262136:UOL262139 UEN262136:UEP262139 TUR262136:TUT262139 TKV262136:TKX262139 TAZ262136:TBB262139 SRD262136:SRF262139 SHH262136:SHJ262139 RXL262136:RXN262139 RNP262136:RNR262139 RDT262136:RDV262139 QTX262136:QTZ262139 QKB262136:QKD262139 QAF262136:QAH262139 PQJ262136:PQL262139 PGN262136:PGP262139 OWR262136:OWT262139 OMV262136:OMX262139 OCZ262136:ODB262139 NTD262136:NTF262139 NJH262136:NJJ262139 MZL262136:MZN262139 MPP262136:MPR262139 MFT262136:MFV262139 LVX262136:LVZ262139 LMB262136:LMD262139 LCF262136:LCH262139 KSJ262136:KSL262139 KIN262136:KIP262139 JYR262136:JYT262139 JOV262136:JOX262139 JEZ262136:JFB262139 IVD262136:IVF262139 ILH262136:ILJ262139 IBL262136:IBN262139 HRP262136:HRR262139 HHT262136:HHV262139 GXX262136:GXZ262139 GOB262136:GOD262139 GEF262136:GEH262139 FUJ262136:FUL262139 FKN262136:FKP262139 FAR262136:FAT262139 EQV262136:EQX262139 EGZ262136:EHB262139 DXD262136:DXF262139 DNH262136:DNJ262139 DDL262136:DDN262139 CTP262136:CTR262139 CJT262136:CJV262139 BZX262136:BZZ262139 BQB262136:BQD262139 BGF262136:BGH262139 AWJ262136:AWL262139 AMN262136:AMP262139 ACR262136:ACT262139 SV262136:SX262139 IZ262136:JB262139 N262136:P262139 WVL196600:WVN196603 WLP196600:WLR196603 WBT196600:WBV196603 VRX196600:VRZ196603 VIB196600:VID196603 UYF196600:UYH196603 UOJ196600:UOL196603 UEN196600:UEP196603 TUR196600:TUT196603 TKV196600:TKX196603 TAZ196600:TBB196603 SRD196600:SRF196603 SHH196600:SHJ196603 RXL196600:RXN196603 RNP196600:RNR196603 RDT196600:RDV196603 QTX196600:QTZ196603 QKB196600:QKD196603 QAF196600:QAH196603 PQJ196600:PQL196603 PGN196600:PGP196603 OWR196600:OWT196603 OMV196600:OMX196603 OCZ196600:ODB196603 NTD196600:NTF196603 NJH196600:NJJ196603 MZL196600:MZN196603 MPP196600:MPR196603 MFT196600:MFV196603 LVX196600:LVZ196603 LMB196600:LMD196603 LCF196600:LCH196603 KSJ196600:KSL196603 KIN196600:KIP196603 JYR196600:JYT196603 JOV196600:JOX196603 JEZ196600:JFB196603 IVD196600:IVF196603 ILH196600:ILJ196603 IBL196600:IBN196603 HRP196600:HRR196603 HHT196600:HHV196603 GXX196600:GXZ196603 GOB196600:GOD196603 GEF196600:GEH196603 FUJ196600:FUL196603 FKN196600:FKP196603 FAR196600:FAT196603 EQV196600:EQX196603 EGZ196600:EHB196603 DXD196600:DXF196603 DNH196600:DNJ196603 DDL196600:DDN196603 CTP196600:CTR196603 CJT196600:CJV196603 BZX196600:BZZ196603 BQB196600:BQD196603 BGF196600:BGH196603 AWJ196600:AWL196603 AMN196600:AMP196603 ACR196600:ACT196603 SV196600:SX196603 IZ196600:JB196603 N196600:P196603 WVL131064:WVN131067 WLP131064:WLR131067 WBT131064:WBV131067 VRX131064:VRZ131067 VIB131064:VID131067 UYF131064:UYH131067 UOJ131064:UOL131067 UEN131064:UEP131067 TUR131064:TUT131067 TKV131064:TKX131067 TAZ131064:TBB131067 SRD131064:SRF131067 SHH131064:SHJ131067 RXL131064:RXN131067 RNP131064:RNR131067 RDT131064:RDV131067 QTX131064:QTZ131067 QKB131064:QKD131067 QAF131064:QAH131067 PQJ131064:PQL131067 PGN131064:PGP131067 OWR131064:OWT131067 OMV131064:OMX131067 OCZ131064:ODB131067 NTD131064:NTF131067 NJH131064:NJJ131067 MZL131064:MZN131067 MPP131064:MPR131067 MFT131064:MFV131067 LVX131064:LVZ131067 LMB131064:LMD131067 LCF131064:LCH131067 KSJ131064:KSL131067 KIN131064:KIP131067 JYR131064:JYT131067 JOV131064:JOX131067 JEZ131064:JFB131067 IVD131064:IVF131067 ILH131064:ILJ131067 IBL131064:IBN131067 HRP131064:HRR131067 HHT131064:HHV131067 GXX131064:GXZ131067 GOB131064:GOD131067 GEF131064:GEH131067 FUJ131064:FUL131067 FKN131064:FKP131067 FAR131064:FAT131067 EQV131064:EQX131067 EGZ131064:EHB131067 DXD131064:DXF131067 DNH131064:DNJ131067 DDL131064:DDN131067 CTP131064:CTR131067 CJT131064:CJV131067 BZX131064:BZZ131067 BQB131064:BQD131067 BGF131064:BGH131067 AWJ131064:AWL131067 AMN131064:AMP131067 ACR131064:ACT131067 SV131064:SX131067 IZ131064:JB131067 N131064:P131067 WVL65528:WVN65531 WLP65528:WLR65531 WBT65528:WBV65531 VRX65528:VRZ65531 VIB65528:VID65531 UYF65528:UYH65531 UOJ65528:UOL65531 UEN65528:UEP65531 TUR65528:TUT65531 TKV65528:TKX65531 TAZ65528:TBB65531 SRD65528:SRF65531 SHH65528:SHJ65531 RXL65528:RXN65531 RNP65528:RNR65531 RDT65528:RDV65531 QTX65528:QTZ65531 QKB65528:QKD65531 QAF65528:QAH65531 PQJ65528:PQL65531 PGN65528:PGP65531 OWR65528:OWT65531 OMV65528:OMX65531 OCZ65528:ODB65531 NTD65528:NTF65531 NJH65528:NJJ65531 MZL65528:MZN65531 MPP65528:MPR65531 MFT65528:MFV65531 LVX65528:LVZ65531 LMB65528:LMD65531 LCF65528:LCH65531 KSJ65528:KSL65531 KIN65528:KIP65531 JYR65528:JYT65531 JOV65528:JOX65531 JEZ65528:JFB65531 IVD65528:IVF65531 ILH65528:ILJ65531 IBL65528:IBN65531 HRP65528:HRR65531 HHT65528:HHV65531 GXX65528:GXZ65531 GOB65528:GOD65531 GEF65528:GEH65531 FUJ65528:FUL65531 FKN65528:FKP65531 FAR65528:FAT65531 EQV65528:EQX65531 EGZ65528:EHB65531 DXD65528:DXF65531 DNH65528:DNJ65531 DDL65528:DDN65531 CTP65528:CTR65531 CJT65528:CJV65531 BZX65528:BZZ65531 BQB65528:BQD65531 BGF65528:BGH65531 AWJ65528:AWL65531 AMN65528:AMP65531 ACR65528:ACT65531 SV65528:SX65531 IZ65528:JB65531 N65528:P65531" xr:uid="{00000000-0002-0000-0500-000005000000}">
      <formula1>#REF!</formula1>
    </dataValidation>
    <dataValidation allowBlank="1" showInputMessage="1" showErrorMessage="1" promptTitle="提出年月日" prompt="和暦で記入してください。" sqref="L6:Q6" xr:uid="{00000000-0002-0000-0500-000006000000}"/>
  </dataValidations>
  <printOptions horizontalCentered="1"/>
  <pageMargins left="0.59055118110236227" right="0.59055118110236227" top="0.59055118110236227" bottom="0.59055118110236227" header="0.31496062992125984" footer="0.31496062992125984"/>
  <pageSetup paperSize="9" orientation="portrait" blackAndWhite="1" r:id="rId2"/>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I49"/>
  <sheetViews>
    <sheetView zoomScaleNormal="100" zoomScaleSheetLayoutView="100" zoomScalePageLayoutView="85" workbookViewId="0"/>
  </sheetViews>
  <sheetFormatPr defaultRowHeight="14.4"/>
  <cols>
    <col min="1" max="1" width="7.44140625" style="88" customWidth="1"/>
    <col min="2" max="2" width="10.77734375" style="88" customWidth="1"/>
    <col min="3" max="3" width="18.44140625" style="88" customWidth="1"/>
    <col min="4" max="4" width="6.109375" style="88" customWidth="1"/>
    <col min="5" max="5" width="1.77734375" style="88" customWidth="1"/>
    <col min="6" max="6" width="7.21875" style="88" customWidth="1"/>
    <col min="7" max="7" width="4.109375" style="88" customWidth="1"/>
    <col min="8" max="8" width="5.77734375" style="88" customWidth="1"/>
    <col min="9" max="9" width="1.77734375" style="88" customWidth="1"/>
    <col min="10" max="10" width="8.88671875" style="88"/>
    <col min="11" max="11" width="5" style="88" customWidth="1"/>
    <col min="12" max="12" width="1.6640625" style="88" customWidth="1"/>
    <col min="13" max="13" width="3.88671875" style="88" customWidth="1"/>
    <col min="14" max="14" width="2.109375" style="88" customWidth="1"/>
    <col min="15" max="16" width="4" style="88" customWidth="1"/>
    <col min="17" max="17" width="13.77734375" style="88" customWidth="1"/>
    <col min="18" max="18" width="1.44140625" style="88" customWidth="1"/>
    <col min="19" max="19" width="2.21875" style="90" customWidth="1"/>
    <col min="20" max="20" width="1.6640625" style="91" customWidth="1"/>
    <col min="21" max="21" width="74.44140625" style="88" customWidth="1"/>
    <col min="22" max="31" width="8.88671875" style="88"/>
    <col min="32" max="33" width="10" style="88" hidden="1" customWidth="1"/>
    <col min="34" max="34" width="68" style="88" hidden="1" customWidth="1"/>
    <col min="35" max="35" width="10" style="88" hidden="1" customWidth="1"/>
    <col min="36" max="43" width="10" style="88" customWidth="1"/>
    <col min="44" max="250" width="8.88671875" style="88"/>
    <col min="251" max="251" width="7.44140625" style="88" customWidth="1"/>
    <col min="252" max="252" width="16" style="88" customWidth="1"/>
    <col min="253" max="253" width="12.21875" style="88" customWidth="1"/>
    <col min="254" max="254" width="6.109375" style="88" customWidth="1"/>
    <col min="255" max="255" width="1.77734375" style="88" customWidth="1"/>
    <col min="256" max="256" width="7.21875" style="88" customWidth="1"/>
    <col min="257" max="257" width="4.109375" style="88" customWidth="1"/>
    <col min="258" max="258" width="5.77734375" style="88" customWidth="1"/>
    <col min="259" max="259" width="1.77734375" style="88" customWidth="1"/>
    <col min="260" max="260" width="8.88671875" style="88"/>
    <col min="261" max="261" width="5" style="88" customWidth="1"/>
    <col min="262" max="262" width="1.6640625" style="88" customWidth="1"/>
    <col min="263" max="263" width="3.88671875" style="88" customWidth="1"/>
    <col min="264" max="264" width="2.109375" style="88" customWidth="1"/>
    <col min="265" max="266" width="4" style="88" customWidth="1"/>
    <col min="267" max="267" width="13.77734375" style="88" customWidth="1"/>
    <col min="268" max="268" width="1.44140625" style="88" customWidth="1"/>
    <col min="269" max="269" width="3.44140625" style="88" customWidth="1"/>
    <col min="270" max="270" width="1.6640625" style="88" customWidth="1"/>
    <col min="271" max="271" width="72.44140625" style="88" customWidth="1"/>
    <col min="272" max="272" width="8.33203125" style="88" customWidth="1"/>
    <col min="273" max="276" width="0" style="88" hidden="1" customWidth="1"/>
    <col min="277" max="287" width="8.88671875" style="88"/>
    <col min="288" max="291" width="0" style="88" hidden="1" customWidth="1"/>
    <col min="292" max="299" width="10" style="88" customWidth="1"/>
    <col min="300" max="506" width="8.88671875" style="88"/>
    <col min="507" max="507" width="7.44140625" style="88" customWidth="1"/>
    <col min="508" max="508" width="16" style="88" customWidth="1"/>
    <col min="509" max="509" width="12.21875" style="88" customWidth="1"/>
    <col min="510" max="510" width="6.109375" style="88" customWidth="1"/>
    <col min="511" max="511" width="1.77734375" style="88" customWidth="1"/>
    <col min="512" max="512" width="7.21875" style="88" customWidth="1"/>
    <col min="513" max="513" width="4.109375" style="88" customWidth="1"/>
    <col min="514" max="514" width="5.77734375" style="88" customWidth="1"/>
    <col min="515" max="515" width="1.77734375" style="88" customWidth="1"/>
    <col min="516" max="516" width="8.88671875" style="88"/>
    <col min="517" max="517" width="5" style="88" customWidth="1"/>
    <col min="518" max="518" width="1.6640625" style="88" customWidth="1"/>
    <col min="519" max="519" width="3.88671875" style="88" customWidth="1"/>
    <col min="520" max="520" width="2.109375" style="88" customWidth="1"/>
    <col min="521" max="522" width="4" style="88" customWidth="1"/>
    <col min="523" max="523" width="13.77734375" style="88" customWidth="1"/>
    <col min="524" max="524" width="1.44140625" style="88" customWidth="1"/>
    <col min="525" max="525" width="3.44140625" style="88" customWidth="1"/>
    <col min="526" max="526" width="1.6640625" style="88" customWidth="1"/>
    <col min="527" max="527" width="72.44140625" style="88" customWidth="1"/>
    <col min="528" max="528" width="8.33203125" style="88" customWidth="1"/>
    <col min="529" max="532" width="0" style="88" hidden="1" customWidth="1"/>
    <col min="533" max="543" width="8.88671875" style="88"/>
    <col min="544" max="547" width="0" style="88" hidden="1" customWidth="1"/>
    <col min="548" max="555" width="10" style="88" customWidth="1"/>
    <col min="556" max="762" width="8.88671875" style="88"/>
    <col min="763" max="763" width="7.44140625" style="88" customWidth="1"/>
    <col min="764" max="764" width="16" style="88" customWidth="1"/>
    <col min="765" max="765" width="12.21875" style="88" customWidth="1"/>
    <col min="766" max="766" width="6.109375" style="88" customWidth="1"/>
    <col min="767" max="767" width="1.77734375" style="88" customWidth="1"/>
    <col min="768" max="768" width="7.21875" style="88" customWidth="1"/>
    <col min="769" max="769" width="4.109375" style="88" customWidth="1"/>
    <col min="770" max="770" width="5.77734375" style="88" customWidth="1"/>
    <col min="771" max="771" width="1.77734375" style="88" customWidth="1"/>
    <col min="772" max="772" width="8.88671875" style="88"/>
    <col min="773" max="773" width="5" style="88" customWidth="1"/>
    <col min="774" max="774" width="1.6640625" style="88" customWidth="1"/>
    <col min="775" max="775" width="3.88671875" style="88" customWidth="1"/>
    <col min="776" max="776" width="2.109375" style="88" customWidth="1"/>
    <col min="777" max="778" width="4" style="88" customWidth="1"/>
    <col min="779" max="779" width="13.77734375" style="88" customWidth="1"/>
    <col min="780" max="780" width="1.44140625" style="88" customWidth="1"/>
    <col min="781" max="781" width="3.44140625" style="88" customWidth="1"/>
    <col min="782" max="782" width="1.6640625" style="88" customWidth="1"/>
    <col min="783" max="783" width="72.44140625" style="88" customWidth="1"/>
    <col min="784" max="784" width="8.33203125" style="88" customWidth="1"/>
    <col min="785" max="788" width="0" style="88" hidden="1" customWidth="1"/>
    <col min="789" max="799" width="8.88671875" style="88"/>
    <col min="800" max="803" width="0" style="88" hidden="1" customWidth="1"/>
    <col min="804" max="811" width="10" style="88" customWidth="1"/>
    <col min="812" max="1018" width="8.88671875" style="88"/>
    <col min="1019" max="1019" width="7.44140625" style="88" customWidth="1"/>
    <col min="1020" max="1020" width="16" style="88" customWidth="1"/>
    <col min="1021" max="1021" width="12.21875" style="88" customWidth="1"/>
    <col min="1022" max="1022" width="6.109375" style="88" customWidth="1"/>
    <col min="1023" max="1023" width="1.77734375" style="88" customWidth="1"/>
    <col min="1024" max="1024" width="7.21875" style="88" customWidth="1"/>
    <col min="1025" max="1025" width="4.109375" style="88" customWidth="1"/>
    <col min="1026" max="1026" width="5.77734375" style="88" customWidth="1"/>
    <col min="1027" max="1027" width="1.77734375" style="88" customWidth="1"/>
    <col min="1028" max="1028" width="8.88671875" style="88"/>
    <col min="1029" max="1029" width="5" style="88" customWidth="1"/>
    <col min="1030" max="1030" width="1.6640625" style="88" customWidth="1"/>
    <col min="1031" max="1031" width="3.88671875" style="88" customWidth="1"/>
    <col min="1032" max="1032" width="2.109375" style="88" customWidth="1"/>
    <col min="1033" max="1034" width="4" style="88" customWidth="1"/>
    <col min="1035" max="1035" width="13.77734375" style="88" customWidth="1"/>
    <col min="1036" max="1036" width="1.44140625" style="88" customWidth="1"/>
    <col min="1037" max="1037" width="3.44140625" style="88" customWidth="1"/>
    <col min="1038" max="1038" width="1.6640625" style="88" customWidth="1"/>
    <col min="1039" max="1039" width="72.44140625" style="88" customWidth="1"/>
    <col min="1040" max="1040" width="8.33203125" style="88" customWidth="1"/>
    <col min="1041" max="1044" width="0" style="88" hidden="1" customWidth="1"/>
    <col min="1045" max="1055" width="8.88671875" style="88"/>
    <col min="1056" max="1059" width="0" style="88" hidden="1" customWidth="1"/>
    <col min="1060" max="1067" width="10" style="88" customWidth="1"/>
    <col min="1068" max="1274" width="8.88671875" style="88"/>
    <col min="1275" max="1275" width="7.44140625" style="88" customWidth="1"/>
    <col min="1276" max="1276" width="16" style="88" customWidth="1"/>
    <col min="1277" max="1277" width="12.21875" style="88" customWidth="1"/>
    <col min="1278" max="1278" width="6.109375" style="88" customWidth="1"/>
    <col min="1279" max="1279" width="1.77734375" style="88" customWidth="1"/>
    <col min="1280" max="1280" width="7.21875" style="88" customWidth="1"/>
    <col min="1281" max="1281" width="4.109375" style="88" customWidth="1"/>
    <col min="1282" max="1282" width="5.77734375" style="88" customWidth="1"/>
    <col min="1283" max="1283" width="1.77734375" style="88" customWidth="1"/>
    <col min="1284" max="1284" width="8.88671875" style="88"/>
    <col min="1285" max="1285" width="5" style="88" customWidth="1"/>
    <col min="1286" max="1286" width="1.6640625" style="88" customWidth="1"/>
    <col min="1287" max="1287" width="3.88671875" style="88" customWidth="1"/>
    <col min="1288" max="1288" width="2.109375" style="88" customWidth="1"/>
    <col min="1289" max="1290" width="4" style="88" customWidth="1"/>
    <col min="1291" max="1291" width="13.77734375" style="88" customWidth="1"/>
    <col min="1292" max="1292" width="1.44140625" style="88" customWidth="1"/>
    <col min="1293" max="1293" width="3.44140625" style="88" customWidth="1"/>
    <col min="1294" max="1294" width="1.6640625" style="88" customWidth="1"/>
    <col min="1295" max="1295" width="72.44140625" style="88" customWidth="1"/>
    <col min="1296" max="1296" width="8.33203125" style="88" customWidth="1"/>
    <col min="1297" max="1300" width="0" style="88" hidden="1" customWidth="1"/>
    <col min="1301" max="1311" width="8.88671875" style="88"/>
    <col min="1312" max="1315" width="0" style="88" hidden="1" customWidth="1"/>
    <col min="1316" max="1323" width="10" style="88" customWidth="1"/>
    <col min="1324" max="1530" width="8.88671875" style="88"/>
    <col min="1531" max="1531" width="7.44140625" style="88" customWidth="1"/>
    <col min="1532" max="1532" width="16" style="88" customWidth="1"/>
    <col min="1533" max="1533" width="12.21875" style="88" customWidth="1"/>
    <col min="1534" max="1534" width="6.109375" style="88" customWidth="1"/>
    <col min="1535" max="1535" width="1.77734375" style="88" customWidth="1"/>
    <col min="1536" max="1536" width="7.21875" style="88" customWidth="1"/>
    <col min="1537" max="1537" width="4.109375" style="88" customWidth="1"/>
    <col min="1538" max="1538" width="5.77734375" style="88" customWidth="1"/>
    <col min="1539" max="1539" width="1.77734375" style="88" customWidth="1"/>
    <col min="1540" max="1540" width="8.88671875" style="88"/>
    <col min="1541" max="1541" width="5" style="88" customWidth="1"/>
    <col min="1542" max="1542" width="1.6640625" style="88" customWidth="1"/>
    <col min="1543" max="1543" width="3.88671875" style="88" customWidth="1"/>
    <col min="1544" max="1544" width="2.109375" style="88" customWidth="1"/>
    <col min="1545" max="1546" width="4" style="88" customWidth="1"/>
    <col min="1547" max="1547" width="13.77734375" style="88" customWidth="1"/>
    <col min="1548" max="1548" width="1.44140625" style="88" customWidth="1"/>
    <col min="1549" max="1549" width="3.44140625" style="88" customWidth="1"/>
    <col min="1550" max="1550" width="1.6640625" style="88" customWidth="1"/>
    <col min="1551" max="1551" width="72.44140625" style="88" customWidth="1"/>
    <col min="1552" max="1552" width="8.33203125" style="88" customWidth="1"/>
    <col min="1553" max="1556" width="0" style="88" hidden="1" customWidth="1"/>
    <col min="1557" max="1567" width="8.88671875" style="88"/>
    <col min="1568" max="1571" width="0" style="88" hidden="1" customWidth="1"/>
    <col min="1572" max="1579" width="10" style="88" customWidth="1"/>
    <col min="1580" max="1786" width="8.88671875" style="88"/>
    <col min="1787" max="1787" width="7.44140625" style="88" customWidth="1"/>
    <col min="1788" max="1788" width="16" style="88" customWidth="1"/>
    <col min="1789" max="1789" width="12.21875" style="88" customWidth="1"/>
    <col min="1790" max="1790" width="6.109375" style="88" customWidth="1"/>
    <col min="1791" max="1791" width="1.77734375" style="88" customWidth="1"/>
    <col min="1792" max="1792" width="7.21875" style="88" customWidth="1"/>
    <col min="1793" max="1793" width="4.109375" style="88" customWidth="1"/>
    <col min="1794" max="1794" width="5.77734375" style="88" customWidth="1"/>
    <col min="1795" max="1795" width="1.77734375" style="88" customWidth="1"/>
    <col min="1796" max="1796" width="8.88671875" style="88"/>
    <col min="1797" max="1797" width="5" style="88" customWidth="1"/>
    <col min="1798" max="1798" width="1.6640625" style="88" customWidth="1"/>
    <col min="1799" max="1799" width="3.88671875" style="88" customWidth="1"/>
    <col min="1800" max="1800" width="2.109375" style="88" customWidth="1"/>
    <col min="1801" max="1802" width="4" style="88" customWidth="1"/>
    <col min="1803" max="1803" width="13.77734375" style="88" customWidth="1"/>
    <col min="1804" max="1804" width="1.44140625" style="88" customWidth="1"/>
    <col min="1805" max="1805" width="3.44140625" style="88" customWidth="1"/>
    <col min="1806" max="1806" width="1.6640625" style="88" customWidth="1"/>
    <col min="1807" max="1807" width="72.44140625" style="88" customWidth="1"/>
    <col min="1808" max="1808" width="8.33203125" style="88" customWidth="1"/>
    <col min="1809" max="1812" width="0" style="88" hidden="1" customWidth="1"/>
    <col min="1813" max="1823" width="8.88671875" style="88"/>
    <col min="1824" max="1827" width="0" style="88" hidden="1" customWidth="1"/>
    <col min="1828" max="1835" width="10" style="88" customWidth="1"/>
    <col min="1836" max="2042" width="8.88671875" style="88"/>
    <col min="2043" max="2043" width="7.44140625" style="88" customWidth="1"/>
    <col min="2044" max="2044" width="16" style="88" customWidth="1"/>
    <col min="2045" max="2045" width="12.21875" style="88" customWidth="1"/>
    <col min="2046" max="2046" width="6.109375" style="88" customWidth="1"/>
    <col min="2047" max="2047" width="1.77734375" style="88" customWidth="1"/>
    <col min="2048" max="2048" width="7.21875" style="88" customWidth="1"/>
    <col min="2049" max="2049" width="4.109375" style="88" customWidth="1"/>
    <col min="2050" max="2050" width="5.77734375" style="88" customWidth="1"/>
    <col min="2051" max="2051" width="1.77734375" style="88" customWidth="1"/>
    <col min="2052" max="2052" width="8.88671875" style="88"/>
    <col min="2053" max="2053" width="5" style="88" customWidth="1"/>
    <col min="2054" max="2054" width="1.6640625" style="88" customWidth="1"/>
    <col min="2055" max="2055" width="3.88671875" style="88" customWidth="1"/>
    <col min="2056" max="2056" width="2.109375" style="88" customWidth="1"/>
    <col min="2057" max="2058" width="4" style="88" customWidth="1"/>
    <col min="2059" max="2059" width="13.77734375" style="88" customWidth="1"/>
    <col min="2060" max="2060" width="1.44140625" style="88" customWidth="1"/>
    <col min="2061" max="2061" width="3.44140625" style="88" customWidth="1"/>
    <col min="2062" max="2062" width="1.6640625" style="88" customWidth="1"/>
    <col min="2063" max="2063" width="72.44140625" style="88" customWidth="1"/>
    <col min="2064" max="2064" width="8.33203125" style="88" customWidth="1"/>
    <col min="2065" max="2068" width="0" style="88" hidden="1" customWidth="1"/>
    <col min="2069" max="2079" width="8.88671875" style="88"/>
    <col min="2080" max="2083" width="0" style="88" hidden="1" customWidth="1"/>
    <col min="2084" max="2091" width="10" style="88" customWidth="1"/>
    <col min="2092" max="2298" width="8.88671875" style="88"/>
    <col min="2299" max="2299" width="7.44140625" style="88" customWidth="1"/>
    <col min="2300" max="2300" width="16" style="88" customWidth="1"/>
    <col min="2301" max="2301" width="12.21875" style="88" customWidth="1"/>
    <col min="2302" max="2302" width="6.109375" style="88" customWidth="1"/>
    <col min="2303" max="2303" width="1.77734375" style="88" customWidth="1"/>
    <col min="2304" max="2304" width="7.21875" style="88" customWidth="1"/>
    <col min="2305" max="2305" width="4.109375" style="88" customWidth="1"/>
    <col min="2306" max="2306" width="5.77734375" style="88" customWidth="1"/>
    <col min="2307" max="2307" width="1.77734375" style="88" customWidth="1"/>
    <col min="2308" max="2308" width="8.88671875" style="88"/>
    <col min="2309" max="2309" width="5" style="88" customWidth="1"/>
    <col min="2310" max="2310" width="1.6640625" style="88" customWidth="1"/>
    <col min="2311" max="2311" width="3.88671875" style="88" customWidth="1"/>
    <col min="2312" max="2312" width="2.109375" style="88" customWidth="1"/>
    <col min="2313" max="2314" width="4" style="88" customWidth="1"/>
    <col min="2315" max="2315" width="13.77734375" style="88" customWidth="1"/>
    <col min="2316" max="2316" width="1.44140625" style="88" customWidth="1"/>
    <col min="2317" max="2317" width="3.44140625" style="88" customWidth="1"/>
    <col min="2318" max="2318" width="1.6640625" style="88" customWidth="1"/>
    <col min="2319" max="2319" width="72.44140625" style="88" customWidth="1"/>
    <col min="2320" max="2320" width="8.33203125" style="88" customWidth="1"/>
    <col min="2321" max="2324" width="0" style="88" hidden="1" customWidth="1"/>
    <col min="2325" max="2335" width="8.88671875" style="88"/>
    <col min="2336" max="2339" width="0" style="88" hidden="1" customWidth="1"/>
    <col min="2340" max="2347" width="10" style="88" customWidth="1"/>
    <col min="2348" max="2554" width="8.88671875" style="88"/>
    <col min="2555" max="2555" width="7.44140625" style="88" customWidth="1"/>
    <col min="2556" max="2556" width="16" style="88" customWidth="1"/>
    <col min="2557" max="2557" width="12.21875" style="88" customWidth="1"/>
    <col min="2558" max="2558" width="6.109375" style="88" customWidth="1"/>
    <col min="2559" max="2559" width="1.77734375" style="88" customWidth="1"/>
    <col min="2560" max="2560" width="7.21875" style="88" customWidth="1"/>
    <col min="2561" max="2561" width="4.109375" style="88" customWidth="1"/>
    <col min="2562" max="2562" width="5.77734375" style="88" customWidth="1"/>
    <col min="2563" max="2563" width="1.77734375" style="88" customWidth="1"/>
    <col min="2564" max="2564" width="8.88671875" style="88"/>
    <col min="2565" max="2565" width="5" style="88" customWidth="1"/>
    <col min="2566" max="2566" width="1.6640625" style="88" customWidth="1"/>
    <col min="2567" max="2567" width="3.88671875" style="88" customWidth="1"/>
    <col min="2568" max="2568" width="2.109375" style="88" customWidth="1"/>
    <col min="2569" max="2570" width="4" style="88" customWidth="1"/>
    <col min="2571" max="2571" width="13.77734375" style="88" customWidth="1"/>
    <col min="2572" max="2572" width="1.44140625" style="88" customWidth="1"/>
    <col min="2573" max="2573" width="3.44140625" style="88" customWidth="1"/>
    <col min="2574" max="2574" width="1.6640625" style="88" customWidth="1"/>
    <col min="2575" max="2575" width="72.44140625" style="88" customWidth="1"/>
    <col min="2576" max="2576" width="8.33203125" style="88" customWidth="1"/>
    <col min="2577" max="2580" width="0" style="88" hidden="1" customWidth="1"/>
    <col min="2581" max="2591" width="8.88671875" style="88"/>
    <col min="2592" max="2595" width="0" style="88" hidden="1" customWidth="1"/>
    <col min="2596" max="2603" width="10" style="88" customWidth="1"/>
    <col min="2604" max="2810" width="8.88671875" style="88"/>
    <col min="2811" max="2811" width="7.44140625" style="88" customWidth="1"/>
    <col min="2812" max="2812" width="16" style="88" customWidth="1"/>
    <col min="2813" max="2813" width="12.21875" style="88" customWidth="1"/>
    <col min="2814" max="2814" width="6.109375" style="88" customWidth="1"/>
    <col min="2815" max="2815" width="1.77734375" style="88" customWidth="1"/>
    <col min="2816" max="2816" width="7.21875" style="88" customWidth="1"/>
    <col min="2817" max="2817" width="4.109375" style="88" customWidth="1"/>
    <col min="2818" max="2818" width="5.77734375" style="88" customWidth="1"/>
    <col min="2819" max="2819" width="1.77734375" style="88" customWidth="1"/>
    <col min="2820" max="2820" width="8.88671875" style="88"/>
    <col min="2821" max="2821" width="5" style="88" customWidth="1"/>
    <col min="2822" max="2822" width="1.6640625" style="88" customWidth="1"/>
    <col min="2823" max="2823" width="3.88671875" style="88" customWidth="1"/>
    <col min="2824" max="2824" width="2.109375" style="88" customWidth="1"/>
    <col min="2825" max="2826" width="4" style="88" customWidth="1"/>
    <col min="2827" max="2827" width="13.77734375" style="88" customWidth="1"/>
    <col min="2828" max="2828" width="1.44140625" style="88" customWidth="1"/>
    <col min="2829" max="2829" width="3.44140625" style="88" customWidth="1"/>
    <col min="2830" max="2830" width="1.6640625" style="88" customWidth="1"/>
    <col min="2831" max="2831" width="72.44140625" style="88" customWidth="1"/>
    <col min="2832" max="2832" width="8.33203125" style="88" customWidth="1"/>
    <col min="2833" max="2836" width="0" style="88" hidden="1" customWidth="1"/>
    <col min="2837" max="2847" width="8.88671875" style="88"/>
    <col min="2848" max="2851" width="0" style="88" hidden="1" customWidth="1"/>
    <col min="2852" max="2859" width="10" style="88" customWidth="1"/>
    <col min="2860" max="3066" width="8.88671875" style="88"/>
    <col min="3067" max="3067" width="7.44140625" style="88" customWidth="1"/>
    <col min="3068" max="3068" width="16" style="88" customWidth="1"/>
    <col min="3069" max="3069" width="12.21875" style="88" customWidth="1"/>
    <col min="3070" max="3070" width="6.109375" style="88" customWidth="1"/>
    <col min="3071" max="3071" width="1.77734375" style="88" customWidth="1"/>
    <col min="3072" max="3072" width="7.21875" style="88" customWidth="1"/>
    <col min="3073" max="3073" width="4.109375" style="88" customWidth="1"/>
    <col min="3074" max="3074" width="5.77734375" style="88" customWidth="1"/>
    <col min="3075" max="3075" width="1.77734375" style="88" customWidth="1"/>
    <col min="3076" max="3076" width="8.88671875" style="88"/>
    <col min="3077" max="3077" width="5" style="88" customWidth="1"/>
    <col min="3078" max="3078" width="1.6640625" style="88" customWidth="1"/>
    <col min="3079" max="3079" width="3.88671875" style="88" customWidth="1"/>
    <col min="3080" max="3080" width="2.109375" style="88" customWidth="1"/>
    <col min="3081" max="3082" width="4" style="88" customWidth="1"/>
    <col min="3083" max="3083" width="13.77734375" style="88" customWidth="1"/>
    <col min="3084" max="3084" width="1.44140625" style="88" customWidth="1"/>
    <col min="3085" max="3085" width="3.44140625" style="88" customWidth="1"/>
    <col min="3086" max="3086" width="1.6640625" style="88" customWidth="1"/>
    <col min="3087" max="3087" width="72.44140625" style="88" customWidth="1"/>
    <col min="3088" max="3088" width="8.33203125" style="88" customWidth="1"/>
    <col min="3089" max="3092" width="0" style="88" hidden="1" customWidth="1"/>
    <col min="3093" max="3103" width="8.88671875" style="88"/>
    <col min="3104" max="3107" width="0" style="88" hidden="1" customWidth="1"/>
    <col min="3108" max="3115" width="10" style="88" customWidth="1"/>
    <col min="3116" max="3322" width="8.88671875" style="88"/>
    <col min="3323" max="3323" width="7.44140625" style="88" customWidth="1"/>
    <col min="3324" max="3324" width="16" style="88" customWidth="1"/>
    <col min="3325" max="3325" width="12.21875" style="88" customWidth="1"/>
    <col min="3326" max="3326" width="6.109375" style="88" customWidth="1"/>
    <col min="3327" max="3327" width="1.77734375" style="88" customWidth="1"/>
    <col min="3328" max="3328" width="7.21875" style="88" customWidth="1"/>
    <col min="3329" max="3329" width="4.109375" style="88" customWidth="1"/>
    <col min="3330" max="3330" width="5.77734375" style="88" customWidth="1"/>
    <col min="3331" max="3331" width="1.77734375" style="88" customWidth="1"/>
    <col min="3332" max="3332" width="8.88671875" style="88"/>
    <col min="3333" max="3333" width="5" style="88" customWidth="1"/>
    <col min="3334" max="3334" width="1.6640625" style="88" customWidth="1"/>
    <col min="3335" max="3335" width="3.88671875" style="88" customWidth="1"/>
    <col min="3336" max="3336" width="2.109375" style="88" customWidth="1"/>
    <col min="3337" max="3338" width="4" style="88" customWidth="1"/>
    <col min="3339" max="3339" width="13.77734375" style="88" customWidth="1"/>
    <col min="3340" max="3340" width="1.44140625" style="88" customWidth="1"/>
    <col min="3341" max="3341" width="3.44140625" style="88" customWidth="1"/>
    <col min="3342" max="3342" width="1.6640625" style="88" customWidth="1"/>
    <col min="3343" max="3343" width="72.44140625" style="88" customWidth="1"/>
    <col min="3344" max="3344" width="8.33203125" style="88" customWidth="1"/>
    <col min="3345" max="3348" width="0" style="88" hidden="1" customWidth="1"/>
    <col min="3349" max="3359" width="8.88671875" style="88"/>
    <col min="3360" max="3363" width="0" style="88" hidden="1" customWidth="1"/>
    <col min="3364" max="3371" width="10" style="88" customWidth="1"/>
    <col min="3372" max="3578" width="8.88671875" style="88"/>
    <col min="3579" max="3579" width="7.44140625" style="88" customWidth="1"/>
    <col min="3580" max="3580" width="16" style="88" customWidth="1"/>
    <col min="3581" max="3581" width="12.21875" style="88" customWidth="1"/>
    <col min="3582" max="3582" width="6.109375" style="88" customWidth="1"/>
    <col min="3583" max="3583" width="1.77734375" style="88" customWidth="1"/>
    <col min="3584" max="3584" width="7.21875" style="88" customWidth="1"/>
    <col min="3585" max="3585" width="4.109375" style="88" customWidth="1"/>
    <col min="3586" max="3586" width="5.77734375" style="88" customWidth="1"/>
    <col min="3587" max="3587" width="1.77734375" style="88" customWidth="1"/>
    <col min="3588" max="3588" width="8.88671875" style="88"/>
    <col min="3589" max="3589" width="5" style="88" customWidth="1"/>
    <col min="3590" max="3590" width="1.6640625" style="88" customWidth="1"/>
    <col min="3591" max="3591" width="3.88671875" style="88" customWidth="1"/>
    <col min="3592" max="3592" width="2.109375" style="88" customWidth="1"/>
    <col min="3593" max="3594" width="4" style="88" customWidth="1"/>
    <col min="3595" max="3595" width="13.77734375" style="88" customWidth="1"/>
    <col min="3596" max="3596" width="1.44140625" style="88" customWidth="1"/>
    <col min="3597" max="3597" width="3.44140625" style="88" customWidth="1"/>
    <col min="3598" max="3598" width="1.6640625" style="88" customWidth="1"/>
    <col min="3599" max="3599" width="72.44140625" style="88" customWidth="1"/>
    <col min="3600" max="3600" width="8.33203125" style="88" customWidth="1"/>
    <col min="3601" max="3604" width="0" style="88" hidden="1" customWidth="1"/>
    <col min="3605" max="3615" width="8.88671875" style="88"/>
    <col min="3616" max="3619" width="0" style="88" hidden="1" customWidth="1"/>
    <col min="3620" max="3627" width="10" style="88" customWidth="1"/>
    <col min="3628" max="3834" width="8.88671875" style="88"/>
    <col min="3835" max="3835" width="7.44140625" style="88" customWidth="1"/>
    <col min="3836" max="3836" width="16" style="88" customWidth="1"/>
    <col min="3837" max="3837" width="12.21875" style="88" customWidth="1"/>
    <col min="3838" max="3838" width="6.109375" style="88" customWidth="1"/>
    <col min="3839" max="3839" width="1.77734375" style="88" customWidth="1"/>
    <col min="3840" max="3840" width="7.21875" style="88" customWidth="1"/>
    <col min="3841" max="3841" width="4.109375" style="88" customWidth="1"/>
    <col min="3842" max="3842" width="5.77734375" style="88" customWidth="1"/>
    <col min="3843" max="3843" width="1.77734375" style="88" customWidth="1"/>
    <col min="3844" max="3844" width="8.88671875" style="88"/>
    <col min="3845" max="3845" width="5" style="88" customWidth="1"/>
    <col min="3846" max="3846" width="1.6640625" style="88" customWidth="1"/>
    <col min="3847" max="3847" width="3.88671875" style="88" customWidth="1"/>
    <col min="3848" max="3848" width="2.109375" style="88" customWidth="1"/>
    <col min="3849" max="3850" width="4" style="88" customWidth="1"/>
    <col min="3851" max="3851" width="13.77734375" style="88" customWidth="1"/>
    <col min="3852" max="3852" width="1.44140625" style="88" customWidth="1"/>
    <col min="3853" max="3853" width="3.44140625" style="88" customWidth="1"/>
    <col min="3854" max="3854" width="1.6640625" style="88" customWidth="1"/>
    <col min="3855" max="3855" width="72.44140625" style="88" customWidth="1"/>
    <col min="3856" max="3856" width="8.33203125" style="88" customWidth="1"/>
    <col min="3857" max="3860" width="0" style="88" hidden="1" customWidth="1"/>
    <col min="3861" max="3871" width="8.88671875" style="88"/>
    <col min="3872" max="3875" width="0" style="88" hidden="1" customWidth="1"/>
    <col min="3876" max="3883" width="10" style="88" customWidth="1"/>
    <col min="3884" max="4090" width="8.88671875" style="88"/>
    <col min="4091" max="4091" width="7.44140625" style="88" customWidth="1"/>
    <col min="4092" max="4092" width="16" style="88" customWidth="1"/>
    <col min="4093" max="4093" width="12.21875" style="88" customWidth="1"/>
    <col min="4094" max="4094" width="6.109375" style="88" customWidth="1"/>
    <col min="4095" max="4095" width="1.77734375" style="88" customWidth="1"/>
    <col min="4096" max="4096" width="7.21875" style="88" customWidth="1"/>
    <col min="4097" max="4097" width="4.109375" style="88" customWidth="1"/>
    <col min="4098" max="4098" width="5.77734375" style="88" customWidth="1"/>
    <col min="4099" max="4099" width="1.77734375" style="88" customWidth="1"/>
    <col min="4100" max="4100" width="8.88671875" style="88"/>
    <col min="4101" max="4101" width="5" style="88" customWidth="1"/>
    <col min="4102" max="4102" width="1.6640625" style="88" customWidth="1"/>
    <col min="4103" max="4103" width="3.88671875" style="88" customWidth="1"/>
    <col min="4104" max="4104" width="2.109375" style="88" customWidth="1"/>
    <col min="4105" max="4106" width="4" style="88" customWidth="1"/>
    <col min="4107" max="4107" width="13.77734375" style="88" customWidth="1"/>
    <col min="4108" max="4108" width="1.44140625" style="88" customWidth="1"/>
    <col min="4109" max="4109" width="3.44140625" style="88" customWidth="1"/>
    <col min="4110" max="4110" width="1.6640625" style="88" customWidth="1"/>
    <col min="4111" max="4111" width="72.44140625" style="88" customWidth="1"/>
    <col min="4112" max="4112" width="8.33203125" style="88" customWidth="1"/>
    <col min="4113" max="4116" width="0" style="88" hidden="1" customWidth="1"/>
    <col min="4117" max="4127" width="8.88671875" style="88"/>
    <col min="4128" max="4131" width="0" style="88" hidden="1" customWidth="1"/>
    <col min="4132" max="4139" width="10" style="88" customWidth="1"/>
    <col min="4140" max="4346" width="8.88671875" style="88"/>
    <col min="4347" max="4347" width="7.44140625" style="88" customWidth="1"/>
    <col min="4348" max="4348" width="16" style="88" customWidth="1"/>
    <col min="4349" max="4349" width="12.21875" style="88" customWidth="1"/>
    <col min="4350" max="4350" width="6.109375" style="88" customWidth="1"/>
    <col min="4351" max="4351" width="1.77734375" style="88" customWidth="1"/>
    <col min="4352" max="4352" width="7.21875" style="88" customWidth="1"/>
    <col min="4353" max="4353" width="4.109375" style="88" customWidth="1"/>
    <col min="4354" max="4354" width="5.77734375" style="88" customWidth="1"/>
    <col min="4355" max="4355" width="1.77734375" style="88" customWidth="1"/>
    <col min="4356" max="4356" width="8.88671875" style="88"/>
    <col min="4357" max="4357" width="5" style="88" customWidth="1"/>
    <col min="4358" max="4358" width="1.6640625" style="88" customWidth="1"/>
    <col min="4359" max="4359" width="3.88671875" style="88" customWidth="1"/>
    <col min="4360" max="4360" width="2.109375" style="88" customWidth="1"/>
    <col min="4361" max="4362" width="4" style="88" customWidth="1"/>
    <col min="4363" max="4363" width="13.77734375" style="88" customWidth="1"/>
    <col min="4364" max="4364" width="1.44140625" style="88" customWidth="1"/>
    <col min="4365" max="4365" width="3.44140625" style="88" customWidth="1"/>
    <col min="4366" max="4366" width="1.6640625" style="88" customWidth="1"/>
    <col min="4367" max="4367" width="72.44140625" style="88" customWidth="1"/>
    <col min="4368" max="4368" width="8.33203125" style="88" customWidth="1"/>
    <col min="4369" max="4372" width="0" style="88" hidden="1" customWidth="1"/>
    <col min="4373" max="4383" width="8.88671875" style="88"/>
    <col min="4384" max="4387" width="0" style="88" hidden="1" customWidth="1"/>
    <col min="4388" max="4395" width="10" style="88" customWidth="1"/>
    <col min="4396" max="4602" width="8.88671875" style="88"/>
    <col min="4603" max="4603" width="7.44140625" style="88" customWidth="1"/>
    <col min="4604" max="4604" width="16" style="88" customWidth="1"/>
    <col min="4605" max="4605" width="12.21875" style="88" customWidth="1"/>
    <col min="4606" max="4606" width="6.109375" style="88" customWidth="1"/>
    <col min="4607" max="4607" width="1.77734375" style="88" customWidth="1"/>
    <col min="4608" max="4608" width="7.21875" style="88" customWidth="1"/>
    <col min="4609" max="4609" width="4.109375" style="88" customWidth="1"/>
    <col min="4610" max="4610" width="5.77734375" style="88" customWidth="1"/>
    <col min="4611" max="4611" width="1.77734375" style="88" customWidth="1"/>
    <col min="4612" max="4612" width="8.88671875" style="88"/>
    <col min="4613" max="4613" width="5" style="88" customWidth="1"/>
    <col min="4614" max="4614" width="1.6640625" style="88" customWidth="1"/>
    <col min="4615" max="4615" width="3.88671875" style="88" customWidth="1"/>
    <col min="4616" max="4616" width="2.109375" style="88" customWidth="1"/>
    <col min="4617" max="4618" width="4" style="88" customWidth="1"/>
    <col min="4619" max="4619" width="13.77734375" style="88" customWidth="1"/>
    <col min="4620" max="4620" width="1.44140625" style="88" customWidth="1"/>
    <col min="4621" max="4621" width="3.44140625" style="88" customWidth="1"/>
    <col min="4622" max="4622" width="1.6640625" style="88" customWidth="1"/>
    <col min="4623" max="4623" width="72.44140625" style="88" customWidth="1"/>
    <col min="4624" max="4624" width="8.33203125" style="88" customWidth="1"/>
    <col min="4625" max="4628" width="0" style="88" hidden="1" customWidth="1"/>
    <col min="4629" max="4639" width="8.88671875" style="88"/>
    <col min="4640" max="4643" width="0" style="88" hidden="1" customWidth="1"/>
    <col min="4644" max="4651" width="10" style="88" customWidth="1"/>
    <col min="4652" max="4858" width="8.88671875" style="88"/>
    <col min="4859" max="4859" width="7.44140625" style="88" customWidth="1"/>
    <col min="4860" max="4860" width="16" style="88" customWidth="1"/>
    <col min="4861" max="4861" width="12.21875" style="88" customWidth="1"/>
    <col min="4862" max="4862" width="6.109375" style="88" customWidth="1"/>
    <col min="4863" max="4863" width="1.77734375" style="88" customWidth="1"/>
    <col min="4864" max="4864" width="7.21875" style="88" customWidth="1"/>
    <col min="4865" max="4865" width="4.109375" style="88" customWidth="1"/>
    <col min="4866" max="4866" width="5.77734375" style="88" customWidth="1"/>
    <col min="4867" max="4867" width="1.77734375" style="88" customWidth="1"/>
    <col min="4868" max="4868" width="8.88671875" style="88"/>
    <col min="4869" max="4869" width="5" style="88" customWidth="1"/>
    <col min="4870" max="4870" width="1.6640625" style="88" customWidth="1"/>
    <col min="4871" max="4871" width="3.88671875" style="88" customWidth="1"/>
    <col min="4872" max="4872" width="2.109375" style="88" customWidth="1"/>
    <col min="4873" max="4874" width="4" style="88" customWidth="1"/>
    <col min="4875" max="4875" width="13.77734375" style="88" customWidth="1"/>
    <col min="4876" max="4876" width="1.44140625" style="88" customWidth="1"/>
    <col min="4877" max="4877" width="3.44140625" style="88" customWidth="1"/>
    <col min="4878" max="4878" width="1.6640625" style="88" customWidth="1"/>
    <col min="4879" max="4879" width="72.44140625" style="88" customWidth="1"/>
    <col min="4880" max="4880" width="8.33203125" style="88" customWidth="1"/>
    <col min="4881" max="4884" width="0" style="88" hidden="1" customWidth="1"/>
    <col min="4885" max="4895" width="8.88671875" style="88"/>
    <col min="4896" max="4899" width="0" style="88" hidden="1" customWidth="1"/>
    <col min="4900" max="4907" width="10" style="88" customWidth="1"/>
    <col min="4908" max="5114" width="8.88671875" style="88"/>
    <col min="5115" max="5115" width="7.44140625" style="88" customWidth="1"/>
    <col min="5116" max="5116" width="16" style="88" customWidth="1"/>
    <col min="5117" max="5117" width="12.21875" style="88" customWidth="1"/>
    <col min="5118" max="5118" width="6.109375" style="88" customWidth="1"/>
    <col min="5119" max="5119" width="1.77734375" style="88" customWidth="1"/>
    <col min="5120" max="5120" width="7.21875" style="88" customWidth="1"/>
    <col min="5121" max="5121" width="4.109375" style="88" customWidth="1"/>
    <col min="5122" max="5122" width="5.77734375" style="88" customWidth="1"/>
    <col min="5123" max="5123" width="1.77734375" style="88" customWidth="1"/>
    <col min="5124" max="5124" width="8.88671875" style="88"/>
    <col min="5125" max="5125" width="5" style="88" customWidth="1"/>
    <col min="5126" max="5126" width="1.6640625" style="88" customWidth="1"/>
    <col min="5127" max="5127" width="3.88671875" style="88" customWidth="1"/>
    <col min="5128" max="5128" width="2.109375" style="88" customWidth="1"/>
    <col min="5129" max="5130" width="4" style="88" customWidth="1"/>
    <col min="5131" max="5131" width="13.77734375" style="88" customWidth="1"/>
    <col min="5132" max="5132" width="1.44140625" style="88" customWidth="1"/>
    <col min="5133" max="5133" width="3.44140625" style="88" customWidth="1"/>
    <col min="5134" max="5134" width="1.6640625" style="88" customWidth="1"/>
    <col min="5135" max="5135" width="72.44140625" style="88" customWidth="1"/>
    <col min="5136" max="5136" width="8.33203125" style="88" customWidth="1"/>
    <col min="5137" max="5140" width="0" style="88" hidden="1" customWidth="1"/>
    <col min="5141" max="5151" width="8.88671875" style="88"/>
    <col min="5152" max="5155" width="0" style="88" hidden="1" customWidth="1"/>
    <col min="5156" max="5163" width="10" style="88" customWidth="1"/>
    <col min="5164" max="5370" width="8.88671875" style="88"/>
    <col min="5371" max="5371" width="7.44140625" style="88" customWidth="1"/>
    <col min="5372" max="5372" width="16" style="88" customWidth="1"/>
    <col min="5373" max="5373" width="12.21875" style="88" customWidth="1"/>
    <col min="5374" max="5374" width="6.109375" style="88" customWidth="1"/>
    <col min="5375" max="5375" width="1.77734375" style="88" customWidth="1"/>
    <col min="5376" max="5376" width="7.21875" style="88" customWidth="1"/>
    <col min="5377" max="5377" width="4.109375" style="88" customWidth="1"/>
    <col min="5378" max="5378" width="5.77734375" style="88" customWidth="1"/>
    <col min="5379" max="5379" width="1.77734375" style="88" customWidth="1"/>
    <col min="5380" max="5380" width="8.88671875" style="88"/>
    <col min="5381" max="5381" width="5" style="88" customWidth="1"/>
    <col min="5382" max="5382" width="1.6640625" style="88" customWidth="1"/>
    <col min="5383" max="5383" width="3.88671875" style="88" customWidth="1"/>
    <col min="5384" max="5384" width="2.109375" style="88" customWidth="1"/>
    <col min="5385" max="5386" width="4" style="88" customWidth="1"/>
    <col min="5387" max="5387" width="13.77734375" style="88" customWidth="1"/>
    <col min="5388" max="5388" width="1.44140625" style="88" customWidth="1"/>
    <col min="5389" max="5389" width="3.44140625" style="88" customWidth="1"/>
    <col min="5390" max="5390" width="1.6640625" style="88" customWidth="1"/>
    <col min="5391" max="5391" width="72.44140625" style="88" customWidth="1"/>
    <col min="5392" max="5392" width="8.33203125" style="88" customWidth="1"/>
    <col min="5393" max="5396" width="0" style="88" hidden="1" customWidth="1"/>
    <col min="5397" max="5407" width="8.88671875" style="88"/>
    <col min="5408" max="5411" width="0" style="88" hidden="1" customWidth="1"/>
    <col min="5412" max="5419" width="10" style="88" customWidth="1"/>
    <col min="5420" max="5626" width="8.88671875" style="88"/>
    <col min="5627" max="5627" width="7.44140625" style="88" customWidth="1"/>
    <col min="5628" max="5628" width="16" style="88" customWidth="1"/>
    <col min="5629" max="5629" width="12.21875" style="88" customWidth="1"/>
    <col min="5630" max="5630" width="6.109375" style="88" customWidth="1"/>
    <col min="5631" max="5631" width="1.77734375" style="88" customWidth="1"/>
    <col min="5632" max="5632" width="7.21875" style="88" customWidth="1"/>
    <col min="5633" max="5633" width="4.109375" style="88" customWidth="1"/>
    <col min="5634" max="5634" width="5.77734375" style="88" customWidth="1"/>
    <col min="5635" max="5635" width="1.77734375" style="88" customWidth="1"/>
    <col min="5636" max="5636" width="8.88671875" style="88"/>
    <col min="5637" max="5637" width="5" style="88" customWidth="1"/>
    <col min="5638" max="5638" width="1.6640625" style="88" customWidth="1"/>
    <col min="5639" max="5639" width="3.88671875" style="88" customWidth="1"/>
    <col min="5640" max="5640" width="2.109375" style="88" customWidth="1"/>
    <col min="5641" max="5642" width="4" style="88" customWidth="1"/>
    <col min="5643" max="5643" width="13.77734375" style="88" customWidth="1"/>
    <col min="5644" max="5644" width="1.44140625" style="88" customWidth="1"/>
    <col min="5645" max="5645" width="3.44140625" style="88" customWidth="1"/>
    <col min="5646" max="5646" width="1.6640625" style="88" customWidth="1"/>
    <col min="5647" max="5647" width="72.44140625" style="88" customWidth="1"/>
    <col min="5648" max="5648" width="8.33203125" style="88" customWidth="1"/>
    <col min="5649" max="5652" width="0" style="88" hidden="1" customWidth="1"/>
    <col min="5653" max="5663" width="8.88671875" style="88"/>
    <col min="5664" max="5667" width="0" style="88" hidden="1" customWidth="1"/>
    <col min="5668" max="5675" width="10" style="88" customWidth="1"/>
    <col min="5676" max="5882" width="8.88671875" style="88"/>
    <col min="5883" max="5883" width="7.44140625" style="88" customWidth="1"/>
    <col min="5884" max="5884" width="16" style="88" customWidth="1"/>
    <col min="5885" max="5885" width="12.21875" style="88" customWidth="1"/>
    <col min="5886" max="5886" width="6.109375" style="88" customWidth="1"/>
    <col min="5887" max="5887" width="1.77734375" style="88" customWidth="1"/>
    <col min="5888" max="5888" width="7.21875" style="88" customWidth="1"/>
    <col min="5889" max="5889" width="4.109375" style="88" customWidth="1"/>
    <col min="5890" max="5890" width="5.77734375" style="88" customWidth="1"/>
    <col min="5891" max="5891" width="1.77734375" style="88" customWidth="1"/>
    <col min="5892" max="5892" width="8.88671875" style="88"/>
    <col min="5893" max="5893" width="5" style="88" customWidth="1"/>
    <col min="5894" max="5894" width="1.6640625" style="88" customWidth="1"/>
    <col min="5895" max="5895" width="3.88671875" style="88" customWidth="1"/>
    <col min="5896" max="5896" width="2.109375" style="88" customWidth="1"/>
    <col min="5897" max="5898" width="4" style="88" customWidth="1"/>
    <col min="5899" max="5899" width="13.77734375" style="88" customWidth="1"/>
    <col min="5900" max="5900" width="1.44140625" style="88" customWidth="1"/>
    <col min="5901" max="5901" width="3.44140625" style="88" customWidth="1"/>
    <col min="5902" max="5902" width="1.6640625" style="88" customWidth="1"/>
    <col min="5903" max="5903" width="72.44140625" style="88" customWidth="1"/>
    <col min="5904" max="5904" width="8.33203125" style="88" customWidth="1"/>
    <col min="5905" max="5908" width="0" style="88" hidden="1" customWidth="1"/>
    <col min="5909" max="5919" width="8.88671875" style="88"/>
    <col min="5920" max="5923" width="0" style="88" hidden="1" customWidth="1"/>
    <col min="5924" max="5931" width="10" style="88" customWidth="1"/>
    <col min="5932" max="6138" width="8.88671875" style="88"/>
    <col min="6139" max="6139" width="7.44140625" style="88" customWidth="1"/>
    <col min="6140" max="6140" width="16" style="88" customWidth="1"/>
    <col min="6141" max="6141" width="12.21875" style="88" customWidth="1"/>
    <col min="6142" max="6142" width="6.109375" style="88" customWidth="1"/>
    <col min="6143" max="6143" width="1.77734375" style="88" customWidth="1"/>
    <col min="6144" max="6144" width="7.21875" style="88" customWidth="1"/>
    <col min="6145" max="6145" width="4.109375" style="88" customWidth="1"/>
    <col min="6146" max="6146" width="5.77734375" style="88" customWidth="1"/>
    <col min="6147" max="6147" width="1.77734375" style="88" customWidth="1"/>
    <col min="6148" max="6148" width="8.88671875" style="88"/>
    <col min="6149" max="6149" width="5" style="88" customWidth="1"/>
    <col min="6150" max="6150" width="1.6640625" style="88" customWidth="1"/>
    <col min="6151" max="6151" width="3.88671875" style="88" customWidth="1"/>
    <col min="6152" max="6152" width="2.109375" style="88" customWidth="1"/>
    <col min="6153" max="6154" width="4" style="88" customWidth="1"/>
    <col min="6155" max="6155" width="13.77734375" style="88" customWidth="1"/>
    <col min="6156" max="6156" width="1.44140625" style="88" customWidth="1"/>
    <col min="6157" max="6157" width="3.44140625" style="88" customWidth="1"/>
    <col min="6158" max="6158" width="1.6640625" style="88" customWidth="1"/>
    <col min="6159" max="6159" width="72.44140625" style="88" customWidth="1"/>
    <col min="6160" max="6160" width="8.33203125" style="88" customWidth="1"/>
    <col min="6161" max="6164" width="0" style="88" hidden="1" customWidth="1"/>
    <col min="6165" max="6175" width="8.88671875" style="88"/>
    <col min="6176" max="6179" width="0" style="88" hidden="1" customWidth="1"/>
    <col min="6180" max="6187" width="10" style="88" customWidth="1"/>
    <col min="6188" max="6394" width="8.88671875" style="88"/>
    <col min="6395" max="6395" width="7.44140625" style="88" customWidth="1"/>
    <col min="6396" max="6396" width="16" style="88" customWidth="1"/>
    <col min="6397" max="6397" width="12.21875" style="88" customWidth="1"/>
    <col min="6398" max="6398" width="6.109375" style="88" customWidth="1"/>
    <col min="6399" max="6399" width="1.77734375" style="88" customWidth="1"/>
    <col min="6400" max="6400" width="7.21875" style="88" customWidth="1"/>
    <col min="6401" max="6401" width="4.109375" style="88" customWidth="1"/>
    <col min="6402" max="6402" width="5.77734375" style="88" customWidth="1"/>
    <col min="6403" max="6403" width="1.77734375" style="88" customWidth="1"/>
    <col min="6404" max="6404" width="8.88671875" style="88"/>
    <col min="6405" max="6405" width="5" style="88" customWidth="1"/>
    <col min="6406" max="6406" width="1.6640625" style="88" customWidth="1"/>
    <col min="6407" max="6407" width="3.88671875" style="88" customWidth="1"/>
    <col min="6408" max="6408" width="2.109375" style="88" customWidth="1"/>
    <col min="6409" max="6410" width="4" style="88" customWidth="1"/>
    <col min="6411" max="6411" width="13.77734375" style="88" customWidth="1"/>
    <col min="6412" max="6412" width="1.44140625" style="88" customWidth="1"/>
    <col min="6413" max="6413" width="3.44140625" style="88" customWidth="1"/>
    <col min="6414" max="6414" width="1.6640625" style="88" customWidth="1"/>
    <col min="6415" max="6415" width="72.44140625" style="88" customWidth="1"/>
    <col min="6416" max="6416" width="8.33203125" style="88" customWidth="1"/>
    <col min="6417" max="6420" width="0" style="88" hidden="1" customWidth="1"/>
    <col min="6421" max="6431" width="8.88671875" style="88"/>
    <col min="6432" max="6435" width="0" style="88" hidden="1" customWidth="1"/>
    <col min="6436" max="6443" width="10" style="88" customWidth="1"/>
    <col min="6444" max="6650" width="8.88671875" style="88"/>
    <col min="6651" max="6651" width="7.44140625" style="88" customWidth="1"/>
    <col min="6652" max="6652" width="16" style="88" customWidth="1"/>
    <col min="6653" max="6653" width="12.21875" style="88" customWidth="1"/>
    <col min="6654" max="6654" width="6.109375" style="88" customWidth="1"/>
    <col min="6655" max="6655" width="1.77734375" style="88" customWidth="1"/>
    <col min="6656" max="6656" width="7.21875" style="88" customWidth="1"/>
    <col min="6657" max="6657" width="4.109375" style="88" customWidth="1"/>
    <col min="6658" max="6658" width="5.77734375" style="88" customWidth="1"/>
    <col min="6659" max="6659" width="1.77734375" style="88" customWidth="1"/>
    <col min="6660" max="6660" width="8.88671875" style="88"/>
    <col min="6661" max="6661" width="5" style="88" customWidth="1"/>
    <col min="6662" max="6662" width="1.6640625" style="88" customWidth="1"/>
    <col min="6663" max="6663" width="3.88671875" style="88" customWidth="1"/>
    <col min="6664" max="6664" width="2.109375" style="88" customWidth="1"/>
    <col min="6665" max="6666" width="4" style="88" customWidth="1"/>
    <col min="6667" max="6667" width="13.77734375" style="88" customWidth="1"/>
    <col min="6668" max="6668" width="1.44140625" style="88" customWidth="1"/>
    <col min="6669" max="6669" width="3.44140625" style="88" customWidth="1"/>
    <col min="6670" max="6670" width="1.6640625" style="88" customWidth="1"/>
    <col min="6671" max="6671" width="72.44140625" style="88" customWidth="1"/>
    <col min="6672" max="6672" width="8.33203125" style="88" customWidth="1"/>
    <col min="6673" max="6676" width="0" style="88" hidden="1" customWidth="1"/>
    <col min="6677" max="6687" width="8.88671875" style="88"/>
    <col min="6688" max="6691" width="0" style="88" hidden="1" customWidth="1"/>
    <col min="6692" max="6699" width="10" style="88" customWidth="1"/>
    <col min="6700" max="6906" width="8.88671875" style="88"/>
    <col min="6907" max="6907" width="7.44140625" style="88" customWidth="1"/>
    <col min="6908" max="6908" width="16" style="88" customWidth="1"/>
    <col min="6909" max="6909" width="12.21875" style="88" customWidth="1"/>
    <col min="6910" max="6910" width="6.109375" style="88" customWidth="1"/>
    <col min="6911" max="6911" width="1.77734375" style="88" customWidth="1"/>
    <col min="6912" max="6912" width="7.21875" style="88" customWidth="1"/>
    <col min="6913" max="6913" width="4.109375" style="88" customWidth="1"/>
    <col min="6914" max="6914" width="5.77734375" style="88" customWidth="1"/>
    <col min="6915" max="6915" width="1.77734375" style="88" customWidth="1"/>
    <col min="6916" max="6916" width="8.88671875" style="88"/>
    <col min="6917" max="6917" width="5" style="88" customWidth="1"/>
    <col min="6918" max="6918" width="1.6640625" style="88" customWidth="1"/>
    <col min="6919" max="6919" width="3.88671875" style="88" customWidth="1"/>
    <col min="6920" max="6920" width="2.109375" style="88" customWidth="1"/>
    <col min="6921" max="6922" width="4" style="88" customWidth="1"/>
    <col min="6923" max="6923" width="13.77734375" style="88" customWidth="1"/>
    <col min="6924" max="6924" width="1.44140625" style="88" customWidth="1"/>
    <col min="6925" max="6925" width="3.44140625" style="88" customWidth="1"/>
    <col min="6926" max="6926" width="1.6640625" style="88" customWidth="1"/>
    <col min="6927" max="6927" width="72.44140625" style="88" customWidth="1"/>
    <col min="6928" max="6928" width="8.33203125" style="88" customWidth="1"/>
    <col min="6929" max="6932" width="0" style="88" hidden="1" customWidth="1"/>
    <col min="6933" max="6943" width="8.88671875" style="88"/>
    <col min="6944" max="6947" width="0" style="88" hidden="1" customWidth="1"/>
    <col min="6948" max="6955" width="10" style="88" customWidth="1"/>
    <col min="6956" max="7162" width="8.88671875" style="88"/>
    <col min="7163" max="7163" width="7.44140625" style="88" customWidth="1"/>
    <col min="7164" max="7164" width="16" style="88" customWidth="1"/>
    <col min="7165" max="7165" width="12.21875" style="88" customWidth="1"/>
    <col min="7166" max="7166" width="6.109375" style="88" customWidth="1"/>
    <col min="7167" max="7167" width="1.77734375" style="88" customWidth="1"/>
    <col min="7168" max="7168" width="7.21875" style="88" customWidth="1"/>
    <col min="7169" max="7169" width="4.109375" style="88" customWidth="1"/>
    <col min="7170" max="7170" width="5.77734375" style="88" customWidth="1"/>
    <col min="7171" max="7171" width="1.77734375" style="88" customWidth="1"/>
    <col min="7172" max="7172" width="8.88671875" style="88"/>
    <col min="7173" max="7173" width="5" style="88" customWidth="1"/>
    <col min="7174" max="7174" width="1.6640625" style="88" customWidth="1"/>
    <col min="7175" max="7175" width="3.88671875" style="88" customWidth="1"/>
    <col min="7176" max="7176" width="2.109375" style="88" customWidth="1"/>
    <col min="7177" max="7178" width="4" style="88" customWidth="1"/>
    <col min="7179" max="7179" width="13.77734375" style="88" customWidth="1"/>
    <col min="7180" max="7180" width="1.44140625" style="88" customWidth="1"/>
    <col min="7181" max="7181" width="3.44140625" style="88" customWidth="1"/>
    <col min="7182" max="7182" width="1.6640625" style="88" customWidth="1"/>
    <col min="7183" max="7183" width="72.44140625" style="88" customWidth="1"/>
    <col min="7184" max="7184" width="8.33203125" style="88" customWidth="1"/>
    <col min="7185" max="7188" width="0" style="88" hidden="1" customWidth="1"/>
    <col min="7189" max="7199" width="8.88671875" style="88"/>
    <col min="7200" max="7203" width="0" style="88" hidden="1" customWidth="1"/>
    <col min="7204" max="7211" width="10" style="88" customWidth="1"/>
    <col min="7212" max="7418" width="8.88671875" style="88"/>
    <col min="7419" max="7419" width="7.44140625" style="88" customWidth="1"/>
    <col min="7420" max="7420" width="16" style="88" customWidth="1"/>
    <col min="7421" max="7421" width="12.21875" style="88" customWidth="1"/>
    <col min="7422" max="7422" width="6.109375" style="88" customWidth="1"/>
    <col min="7423" max="7423" width="1.77734375" style="88" customWidth="1"/>
    <col min="7424" max="7424" width="7.21875" style="88" customWidth="1"/>
    <col min="7425" max="7425" width="4.109375" style="88" customWidth="1"/>
    <col min="7426" max="7426" width="5.77734375" style="88" customWidth="1"/>
    <col min="7427" max="7427" width="1.77734375" style="88" customWidth="1"/>
    <col min="7428" max="7428" width="8.88671875" style="88"/>
    <col min="7429" max="7429" width="5" style="88" customWidth="1"/>
    <col min="7430" max="7430" width="1.6640625" style="88" customWidth="1"/>
    <col min="7431" max="7431" width="3.88671875" style="88" customWidth="1"/>
    <col min="7432" max="7432" width="2.109375" style="88" customWidth="1"/>
    <col min="7433" max="7434" width="4" style="88" customWidth="1"/>
    <col min="7435" max="7435" width="13.77734375" style="88" customWidth="1"/>
    <col min="7436" max="7436" width="1.44140625" style="88" customWidth="1"/>
    <col min="7437" max="7437" width="3.44140625" style="88" customWidth="1"/>
    <col min="7438" max="7438" width="1.6640625" style="88" customWidth="1"/>
    <col min="7439" max="7439" width="72.44140625" style="88" customWidth="1"/>
    <col min="7440" max="7440" width="8.33203125" style="88" customWidth="1"/>
    <col min="7441" max="7444" width="0" style="88" hidden="1" customWidth="1"/>
    <col min="7445" max="7455" width="8.88671875" style="88"/>
    <col min="7456" max="7459" width="0" style="88" hidden="1" customWidth="1"/>
    <col min="7460" max="7467" width="10" style="88" customWidth="1"/>
    <col min="7468" max="7674" width="8.88671875" style="88"/>
    <col min="7675" max="7675" width="7.44140625" style="88" customWidth="1"/>
    <col min="7676" max="7676" width="16" style="88" customWidth="1"/>
    <col min="7677" max="7677" width="12.21875" style="88" customWidth="1"/>
    <col min="7678" max="7678" width="6.109375" style="88" customWidth="1"/>
    <col min="7679" max="7679" width="1.77734375" style="88" customWidth="1"/>
    <col min="7680" max="7680" width="7.21875" style="88" customWidth="1"/>
    <col min="7681" max="7681" width="4.109375" style="88" customWidth="1"/>
    <col min="7682" max="7682" width="5.77734375" style="88" customWidth="1"/>
    <col min="7683" max="7683" width="1.77734375" style="88" customWidth="1"/>
    <col min="7684" max="7684" width="8.88671875" style="88"/>
    <col min="7685" max="7685" width="5" style="88" customWidth="1"/>
    <col min="7686" max="7686" width="1.6640625" style="88" customWidth="1"/>
    <col min="7687" max="7687" width="3.88671875" style="88" customWidth="1"/>
    <col min="7688" max="7688" width="2.109375" style="88" customWidth="1"/>
    <col min="7689" max="7690" width="4" style="88" customWidth="1"/>
    <col min="7691" max="7691" width="13.77734375" style="88" customWidth="1"/>
    <col min="7692" max="7692" width="1.44140625" style="88" customWidth="1"/>
    <col min="7693" max="7693" width="3.44140625" style="88" customWidth="1"/>
    <col min="7694" max="7694" width="1.6640625" style="88" customWidth="1"/>
    <col min="7695" max="7695" width="72.44140625" style="88" customWidth="1"/>
    <col min="7696" max="7696" width="8.33203125" style="88" customWidth="1"/>
    <col min="7697" max="7700" width="0" style="88" hidden="1" customWidth="1"/>
    <col min="7701" max="7711" width="8.88671875" style="88"/>
    <col min="7712" max="7715" width="0" style="88" hidden="1" customWidth="1"/>
    <col min="7716" max="7723" width="10" style="88" customWidth="1"/>
    <col min="7724" max="7930" width="8.88671875" style="88"/>
    <col min="7931" max="7931" width="7.44140625" style="88" customWidth="1"/>
    <col min="7932" max="7932" width="16" style="88" customWidth="1"/>
    <col min="7933" max="7933" width="12.21875" style="88" customWidth="1"/>
    <col min="7934" max="7934" width="6.109375" style="88" customWidth="1"/>
    <col min="7935" max="7935" width="1.77734375" style="88" customWidth="1"/>
    <col min="7936" max="7936" width="7.21875" style="88" customWidth="1"/>
    <col min="7937" max="7937" width="4.109375" style="88" customWidth="1"/>
    <col min="7938" max="7938" width="5.77734375" style="88" customWidth="1"/>
    <col min="7939" max="7939" width="1.77734375" style="88" customWidth="1"/>
    <col min="7940" max="7940" width="8.88671875" style="88"/>
    <col min="7941" max="7941" width="5" style="88" customWidth="1"/>
    <col min="7942" max="7942" width="1.6640625" style="88" customWidth="1"/>
    <col min="7943" max="7943" width="3.88671875" style="88" customWidth="1"/>
    <col min="7944" max="7944" width="2.109375" style="88" customWidth="1"/>
    <col min="7945" max="7946" width="4" style="88" customWidth="1"/>
    <col min="7947" max="7947" width="13.77734375" style="88" customWidth="1"/>
    <col min="7948" max="7948" width="1.44140625" style="88" customWidth="1"/>
    <col min="7949" max="7949" width="3.44140625" style="88" customWidth="1"/>
    <col min="7950" max="7950" width="1.6640625" style="88" customWidth="1"/>
    <col min="7951" max="7951" width="72.44140625" style="88" customWidth="1"/>
    <col min="7952" max="7952" width="8.33203125" style="88" customWidth="1"/>
    <col min="7953" max="7956" width="0" style="88" hidden="1" customWidth="1"/>
    <col min="7957" max="7967" width="8.88671875" style="88"/>
    <col min="7968" max="7971" width="0" style="88" hidden="1" customWidth="1"/>
    <col min="7972" max="7979" width="10" style="88" customWidth="1"/>
    <col min="7980" max="8186" width="8.88671875" style="88"/>
    <col min="8187" max="8187" width="7.44140625" style="88" customWidth="1"/>
    <col min="8188" max="8188" width="16" style="88" customWidth="1"/>
    <col min="8189" max="8189" width="12.21875" style="88" customWidth="1"/>
    <col min="8190" max="8190" width="6.109375" style="88" customWidth="1"/>
    <col min="8191" max="8191" width="1.77734375" style="88" customWidth="1"/>
    <col min="8192" max="8192" width="7.21875" style="88" customWidth="1"/>
    <col min="8193" max="8193" width="4.109375" style="88" customWidth="1"/>
    <col min="8194" max="8194" width="5.77734375" style="88" customWidth="1"/>
    <col min="8195" max="8195" width="1.77734375" style="88" customWidth="1"/>
    <col min="8196" max="8196" width="8.88671875" style="88"/>
    <col min="8197" max="8197" width="5" style="88" customWidth="1"/>
    <col min="8198" max="8198" width="1.6640625" style="88" customWidth="1"/>
    <col min="8199" max="8199" width="3.88671875" style="88" customWidth="1"/>
    <col min="8200" max="8200" width="2.109375" style="88" customWidth="1"/>
    <col min="8201" max="8202" width="4" style="88" customWidth="1"/>
    <col min="8203" max="8203" width="13.77734375" style="88" customWidth="1"/>
    <col min="8204" max="8204" width="1.44140625" style="88" customWidth="1"/>
    <col min="8205" max="8205" width="3.44140625" style="88" customWidth="1"/>
    <col min="8206" max="8206" width="1.6640625" style="88" customWidth="1"/>
    <col min="8207" max="8207" width="72.44140625" style="88" customWidth="1"/>
    <col min="8208" max="8208" width="8.33203125" style="88" customWidth="1"/>
    <col min="8209" max="8212" width="0" style="88" hidden="1" customWidth="1"/>
    <col min="8213" max="8223" width="8.88671875" style="88"/>
    <col min="8224" max="8227" width="0" style="88" hidden="1" customWidth="1"/>
    <col min="8228" max="8235" width="10" style="88" customWidth="1"/>
    <col min="8236" max="8442" width="8.88671875" style="88"/>
    <col min="8443" max="8443" width="7.44140625" style="88" customWidth="1"/>
    <col min="8444" max="8444" width="16" style="88" customWidth="1"/>
    <col min="8445" max="8445" width="12.21875" style="88" customWidth="1"/>
    <col min="8446" max="8446" width="6.109375" style="88" customWidth="1"/>
    <col min="8447" max="8447" width="1.77734375" style="88" customWidth="1"/>
    <col min="8448" max="8448" width="7.21875" style="88" customWidth="1"/>
    <col min="8449" max="8449" width="4.109375" style="88" customWidth="1"/>
    <col min="8450" max="8450" width="5.77734375" style="88" customWidth="1"/>
    <col min="8451" max="8451" width="1.77734375" style="88" customWidth="1"/>
    <col min="8452" max="8452" width="8.88671875" style="88"/>
    <col min="8453" max="8453" width="5" style="88" customWidth="1"/>
    <col min="8454" max="8454" width="1.6640625" style="88" customWidth="1"/>
    <col min="8455" max="8455" width="3.88671875" style="88" customWidth="1"/>
    <col min="8456" max="8456" width="2.109375" style="88" customWidth="1"/>
    <col min="8457" max="8458" width="4" style="88" customWidth="1"/>
    <col min="8459" max="8459" width="13.77734375" style="88" customWidth="1"/>
    <col min="8460" max="8460" width="1.44140625" style="88" customWidth="1"/>
    <col min="8461" max="8461" width="3.44140625" style="88" customWidth="1"/>
    <col min="8462" max="8462" width="1.6640625" style="88" customWidth="1"/>
    <col min="8463" max="8463" width="72.44140625" style="88" customWidth="1"/>
    <col min="8464" max="8464" width="8.33203125" style="88" customWidth="1"/>
    <col min="8465" max="8468" width="0" style="88" hidden="1" customWidth="1"/>
    <col min="8469" max="8479" width="8.88671875" style="88"/>
    <col min="8480" max="8483" width="0" style="88" hidden="1" customWidth="1"/>
    <col min="8484" max="8491" width="10" style="88" customWidth="1"/>
    <col min="8492" max="8698" width="8.88671875" style="88"/>
    <col min="8699" max="8699" width="7.44140625" style="88" customWidth="1"/>
    <col min="8700" max="8700" width="16" style="88" customWidth="1"/>
    <col min="8701" max="8701" width="12.21875" style="88" customWidth="1"/>
    <col min="8702" max="8702" width="6.109375" style="88" customWidth="1"/>
    <col min="8703" max="8703" width="1.77734375" style="88" customWidth="1"/>
    <col min="8704" max="8704" width="7.21875" style="88" customWidth="1"/>
    <col min="8705" max="8705" width="4.109375" style="88" customWidth="1"/>
    <col min="8706" max="8706" width="5.77734375" style="88" customWidth="1"/>
    <col min="8707" max="8707" width="1.77734375" style="88" customWidth="1"/>
    <col min="8708" max="8708" width="8.88671875" style="88"/>
    <col min="8709" max="8709" width="5" style="88" customWidth="1"/>
    <col min="8710" max="8710" width="1.6640625" style="88" customWidth="1"/>
    <col min="8711" max="8711" width="3.88671875" style="88" customWidth="1"/>
    <col min="8712" max="8712" width="2.109375" style="88" customWidth="1"/>
    <col min="8713" max="8714" width="4" style="88" customWidth="1"/>
    <col min="8715" max="8715" width="13.77734375" style="88" customWidth="1"/>
    <col min="8716" max="8716" width="1.44140625" style="88" customWidth="1"/>
    <col min="8717" max="8717" width="3.44140625" style="88" customWidth="1"/>
    <col min="8718" max="8718" width="1.6640625" style="88" customWidth="1"/>
    <col min="8719" max="8719" width="72.44140625" style="88" customWidth="1"/>
    <col min="8720" max="8720" width="8.33203125" style="88" customWidth="1"/>
    <col min="8721" max="8724" width="0" style="88" hidden="1" customWidth="1"/>
    <col min="8725" max="8735" width="8.88671875" style="88"/>
    <col min="8736" max="8739" width="0" style="88" hidden="1" customWidth="1"/>
    <col min="8740" max="8747" width="10" style="88" customWidth="1"/>
    <col min="8748" max="8954" width="8.88671875" style="88"/>
    <col min="8955" max="8955" width="7.44140625" style="88" customWidth="1"/>
    <col min="8956" max="8956" width="16" style="88" customWidth="1"/>
    <col min="8957" max="8957" width="12.21875" style="88" customWidth="1"/>
    <col min="8958" max="8958" width="6.109375" style="88" customWidth="1"/>
    <col min="8959" max="8959" width="1.77734375" style="88" customWidth="1"/>
    <col min="8960" max="8960" width="7.21875" style="88" customWidth="1"/>
    <col min="8961" max="8961" width="4.109375" style="88" customWidth="1"/>
    <col min="8962" max="8962" width="5.77734375" style="88" customWidth="1"/>
    <col min="8963" max="8963" width="1.77734375" style="88" customWidth="1"/>
    <col min="8964" max="8964" width="8.88671875" style="88"/>
    <col min="8965" max="8965" width="5" style="88" customWidth="1"/>
    <col min="8966" max="8966" width="1.6640625" style="88" customWidth="1"/>
    <col min="8967" max="8967" width="3.88671875" style="88" customWidth="1"/>
    <col min="8968" max="8968" width="2.109375" style="88" customWidth="1"/>
    <col min="8969" max="8970" width="4" style="88" customWidth="1"/>
    <col min="8971" max="8971" width="13.77734375" style="88" customWidth="1"/>
    <col min="8972" max="8972" width="1.44140625" style="88" customWidth="1"/>
    <col min="8973" max="8973" width="3.44140625" style="88" customWidth="1"/>
    <col min="8974" max="8974" width="1.6640625" style="88" customWidth="1"/>
    <col min="8975" max="8975" width="72.44140625" style="88" customWidth="1"/>
    <col min="8976" max="8976" width="8.33203125" style="88" customWidth="1"/>
    <col min="8977" max="8980" width="0" style="88" hidden="1" customWidth="1"/>
    <col min="8981" max="8991" width="8.88671875" style="88"/>
    <col min="8992" max="8995" width="0" style="88" hidden="1" customWidth="1"/>
    <col min="8996" max="9003" width="10" style="88" customWidth="1"/>
    <col min="9004" max="9210" width="8.88671875" style="88"/>
    <col min="9211" max="9211" width="7.44140625" style="88" customWidth="1"/>
    <col min="9212" max="9212" width="16" style="88" customWidth="1"/>
    <col min="9213" max="9213" width="12.21875" style="88" customWidth="1"/>
    <col min="9214" max="9214" width="6.109375" style="88" customWidth="1"/>
    <col min="9215" max="9215" width="1.77734375" style="88" customWidth="1"/>
    <col min="9216" max="9216" width="7.21875" style="88" customWidth="1"/>
    <col min="9217" max="9217" width="4.109375" style="88" customWidth="1"/>
    <col min="9218" max="9218" width="5.77734375" style="88" customWidth="1"/>
    <col min="9219" max="9219" width="1.77734375" style="88" customWidth="1"/>
    <col min="9220" max="9220" width="8.88671875" style="88"/>
    <col min="9221" max="9221" width="5" style="88" customWidth="1"/>
    <col min="9222" max="9222" width="1.6640625" style="88" customWidth="1"/>
    <col min="9223" max="9223" width="3.88671875" style="88" customWidth="1"/>
    <col min="9224" max="9224" width="2.109375" style="88" customWidth="1"/>
    <col min="9225" max="9226" width="4" style="88" customWidth="1"/>
    <col min="9227" max="9227" width="13.77734375" style="88" customWidth="1"/>
    <col min="9228" max="9228" width="1.44140625" style="88" customWidth="1"/>
    <col min="9229" max="9229" width="3.44140625" style="88" customWidth="1"/>
    <col min="9230" max="9230" width="1.6640625" style="88" customWidth="1"/>
    <col min="9231" max="9231" width="72.44140625" style="88" customWidth="1"/>
    <col min="9232" max="9232" width="8.33203125" style="88" customWidth="1"/>
    <col min="9233" max="9236" width="0" style="88" hidden="1" customWidth="1"/>
    <col min="9237" max="9247" width="8.88671875" style="88"/>
    <col min="9248" max="9251" width="0" style="88" hidden="1" customWidth="1"/>
    <col min="9252" max="9259" width="10" style="88" customWidth="1"/>
    <col min="9260" max="9466" width="8.88671875" style="88"/>
    <col min="9467" max="9467" width="7.44140625" style="88" customWidth="1"/>
    <col min="9468" max="9468" width="16" style="88" customWidth="1"/>
    <col min="9469" max="9469" width="12.21875" style="88" customWidth="1"/>
    <col min="9470" max="9470" width="6.109375" style="88" customWidth="1"/>
    <col min="9471" max="9471" width="1.77734375" style="88" customWidth="1"/>
    <col min="9472" max="9472" width="7.21875" style="88" customWidth="1"/>
    <col min="9473" max="9473" width="4.109375" style="88" customWidth="1"/>
    <col min="9474" max="9474" width="5.77734375" style="88" customWidth="1"/>
    <col min="9475" max="9475" width="1.77734375" style="88" customWidth="1"/>
    <col min="9476" max="9476" width="8.88671875" style="88"/>
    <col min="9477" max="9477" width="5" style="88" customWidth="1"/>
    <col min="9478" max="9478" width="1.6640625" style="88" customWidth="1"/>
    <col min="9479" max="9479" width="3.88671875" style="88" customWidth="1"/>
    <col min="9480" max="9480" width="2.109375" style="88" customWidth="1"/>
    <col min="9481" max="9482" width="4" style="88" customWidth="1"/>
    <col min="9483" max="9483" width="13.77734375" style="88" customWidth="1"/>
    <col min="9484" max="9484" width="1.44140625" style="88" customWidth="1"/>
    <col min="9485" max="9485" width="3.44140625" style="88" customWidth="1"/>
    <col min="9486" max="9486" width="1.6640625" style="88" customWidth="1"/>
    <col min="9487" max="9487" width="72.44140625" style="88" customWidth="1"/>
    <col min="9488" max="9488" width="8.33203125" style="88" customWidth="1"/>
    <col min="9489" max="9492" width="0" style="88" hidden="1" customWidth="1"/>
    <col min="9493" max="9503" width="8.88671875" style="88"/>
    <col min="9504" max="9507" width="0" style="88" hidden="1" customWidth="1"/>
    <col min="9508" max="9515" width="10" style="88" customWidth="1"/>
    <col min="9516" max="9722" width="8.88671875" style="88"/>
    <col min="9723" max="9723" width="7.44140625" style="88" customWidth="1"/>
    <col min="9724" max="9724" width="16" style="88" customWidth="1"/>
    <col min="9725" max="9725" width="12.21875" style="88" customWidth="1"/>
    <col min="9726" max="9726" width="6.109375" style="88" customWidth="1"/>
    <col min="9727" max="9727" width="1.77734375" style="88" customWidth="1"/>
    <col min="9728" max="9728" width="7.21875" style="88" customWidth="1"/>
    <col min="9729" max="9729" width="4.109375" style="88" customWidth="1"/>
    <col min="9730" max="9730" width="5.77734375" style="88" customWidth="1"/>
    <col min="9731" max="9731" width="1.77734375" style="88" customWidth="1"/>
    <col min="9732" max="9732" width="8.88671875" style="88"/>
    <col min="9733" max="9733" width="5" style="88" customWidth="1"/>
    <col min="9734" max="9734" width="1.6640625" style="88" customWidth="1"/>
    <col min="9735" max="9735" width="3.88671875" style="88" customWidth="1"/>
    <col min="9736" max="9736" width="2.109375" style="88" customWidth="1"/>
    <col min="9737" max="9738" width="4" style="88" customWidth="1"/>
    <col min="9739" max="9739" width="13.77734375" style="88" customWidth="1"/>
    <col min="9740" max="9740" width="1.44140625" style="88" customWidth="1"/>
    <col min="9741" max="9741" width="3.44140625" style="88" customWidth="1"/>
    <col min="9742" max="9742" width="1.6640625" style="88" customWidth="1"/>
    <col min="9743" max="9743" width="72.44140625" style="88" customWidth="1"/>
    <col min="9744" max="9744" width="8.33203125" style="88" customWidth="1"/>
    <col min="9745" max="9748" width="0" style="88" hidden="1" customWidth="1"/>
    <col min="9749" max="9759" width="8.88671875" style="88"/>
    <col min="9760" max="9763" width="0" style="88" hidden="1" customWidth="1"/>
    <col min="9764" max="9771" width="10" style="88" customWidth="1"/>
    <col min="9772" max="9978" width="8.88671875" style="88"/>
    <col min="9979" max="9979" width="7.44140625" style="88" customWidth="1"/>
    <col min="9980" max="9980" width="16" style="88" customWidth="1"/>
    <col min="9981" max="9981" width="12.21875" style="88" customWidth="1"/>
    <col min="9982" max="9982" width="6.109375" style="88" customWidth="1"/>
    <col min="9983" max="9983" width="1.77734375" style="88" customWidth="1"/>
    <col min="9984" max="9984" width="7.21875" style="88" customWidth="1"/>
    <col min="9985" max="9985" width="4.109375" style="88" customWidth="1"/>
    <col min="9986" max="9986" width="5.77734375" style="88" customWidth="1"/>
    <col min="9987" max="9987" width="1.77734375" style="88" customWidth="1"/>
    <col min="9988" max="9988" width="8.88671875" style="88"/>
    <col min="9989" max="9989" width="5" style="88" customWidth="1"/>
    <col min="9990" max="9990" width="1.6640625" style="88" customWidth="1"/>
    <col min="9991" max="9991" width="3.88671875" style="88" customWidth="1"/>
    <col min="9992" max="9992" width="2.109375" style="88" customWidth="1"/>
    <col min="9993" max="9994" width="4" style="88" customWidth="1"/>
    <col min="9995" max="9995" width="13.77734375" style="88" customWidth="1"/>
    <col min="9996" max="9996" width="1.44140625" style="88" customWidth="1"/>
    <col min="9997" max="9997" width="3.44140625" style="88" customWidth="1"/>
    <col min="9998" max="9998" width="1.6640625" style="88" customWidth="1"/>
    <col min="9999" max="9999" width="72.44140625" style="88" customWidth="1"/>
    <col min="10000" max="10000" width="8.33203125" style="88" customWidth="1"/>
    <col min="10001" max="10004" width="0" style="88" hidden="1" customWidth="1"/>
    <col min="10005" max="10015" width="8.88671875" style="88"/>
    <col min="10016" max="10019" width="0" style="88" hidden="1" customWidth="1"/>
    <col min="10020" max="10027" width="10" style="88" customWidth="1"/>
    <col min="10028" max="10234" width="8.88671875" style="88"/>
    <col min="10235" max="10235" width="7.44140625" style="88" customWidth="1"/>
    <col min="10236" max="10236" width="16" style="88" customWidth="1"/>
    <col min="10237" max="10237" width="12.21875" style="88" customWidth="1"/>
    <col min="10238" max="10238" width="6.109375" style="88" customWidth="1"/>
    <col min="10239" max="10239" width="1.77734375" style="88" customWidth="1"/>
    <col min="10240" max="10240" width="7.21875" style="88" customWidth="1"/>
    <col min="10241" max="10241" width="4.109375" style="88" customWidth="1"/>
    <col min="10242" max="10242" width="5.77734375" style="88" customWidth="1"/>
    <col min="10243" max="10243" width="1.77734375" style="88" customWidth="1"/>
    <col min="10244" max="10244" width="8.88671875" style="88"/>
    <col min="10245" max="10245" width="5" style="88" customWidth="1"/>
    <col min="10246" max="10246" width="1.6640625" style="88" customWidth="1"/>
    <col min="10247" max="10247" width="3.88671875" style="88" customWidth="1"/>
    <col min="10248" max="10248" width="2.109375" style="88" customWidth="1"/>
    <col min="10249" max="10250" width="4" style="88" customWidth="1"/>
    <col min="10251" max="10251" width="13.77734375" style="88" customWidth="1"/>
    <col min="10252" max="10252" width="1.44140625" style="88" customWidth="1"/>
    <col min="10253" max="10253" width="3.44140625" style="88" customWidth="1"/>
    <col min="10254" max="10254" width="1.6640625" style="88" customWidth="1"/>
    <col min="10255" max="10255" width="72.44140625" style="88" customWidth="1"/>
    <col min="10256" max="10256" width="8.33203125" style="88" customWidth="1"/>
    <col min="10257" max="10260" width="0" style="88" hidden="1" customWidth="1"/>
    <col min="10261" max="10271" width="8.88671875" style="88"/>
    <col min="10272" max="10275" width="0" style="88" hidden="1" customWidth="1"/>
    <col min="10276" max="10283" width="10" style="88" customWidth="1"/>
    <col min="10284" max="10490" width="8.88671875" style="88"/>
    <col min="10491" max="10491" width="7.44140625" style="88" customWidth="1"/>
    <col min="10492" max="10492" width="16" style="88" customWidth="1"/>
    <col min="10493" max="10493" width="12.21875" style="88" customWidth="1"/>
    <col min="10494" max="10494" width="6.109375" style="88" customWidth="1"/>
    <col min="10495" max="10495" width="1.77734375" style="88" customWidth="1"/>
    <col min="10496" max="10496" width="7.21875" style="88" customWidth="1"/>
    <col min="10497" max="10497" width="4.109375" style="88" customWidth="1"/>
    <col min="10498" max="10498" width="5.77734375" style="88" customWidth="1"/>
    <col min="10499" max="10499" width="1.77734375" style="88" customWidth="1"/>
    <col min="10500" max="10500" width="8.88671875" style="88"/>
    <col min="10501" max="10501" width="5" style="88" customWidth="1"/>
    <col min="10502" max="10502" width="1.6640625" style="88" customWidth="1"/>
    <col min="10503" max="10503" width="3.88671875" style="88" customWidth="1"/>
    <col min="10504" max="10504" width="2.109375" style="88" customWidth="1"/>
    <col min="10505" max="10506" width="4" style="88" customWidth="1"/>
    <col min="10507" max="10507" width="13.77734375" style="88" customWidth="1"/>
    <col min="10508" max="10508" width="1.44140625" style="88" customWidth="1"/>
    <col min="10509" max="10509" width="3.44140625" style="88" customWidth="1"/>
    <col min="10510" max="10510" width="1.6640625" style="88" customWidth="1"/>
    <col min="10511" max="10511" width="72.44140625" style="88" customWidth="1"/>
    <col min="10512" max="10512" width="8.33203125" style="88" customWidth="1"/>
    <col min="10513" max="10516" width="0" style="88" hidden="1" customWidth="1"/>
    <col min="10517" max="10527" width="8.88671875" style="88"/>
    <col min="10528" max="10531" width="0" style="88" hidden="1" customWidth="1"/>
    <col min="10532" max="10539" width="10" style="88" customWidth="1"/>
    <col min="10540" max="10746" width="8.88671875" style="88"/>
    <col min="10747" max="10747" width="7.44140625" style="88" customWidth="1"/>
    <col min="10748" max="10748" width="16" style="88" customWidth="1"/>
    <col min="10749" max="10749" width="12.21875" style="88" customWidth="1"/>
    <col min="10750" max="10750" width="6.109375" style="88" customWidth="1"/>
    <col min="10751" max="10751" width="1.77734375" style="88" customWidth="1"/>
    <col min="10752" max="10752" width="7.21875" style="88" customWidth="1"/>
    <col min="10753" max="10753" width="4.109375" style="88" customWidth="1"/>
    <col min="10754" max="10754" width="5.77734375" style="88" customWidth="1"/>
    <col min="10755" max="10755" width="1.77734375" style="88" customWidth="1"/>
    <col min="10756" max="10756" width="8.88671875" style="88"/>
    <col min="10757" max="10757" width="5" style="88" customWidth="1"/>
    <col min="10758" max="10758" width="1.6640625" style="88" customWidth="1"/>
    <col min="10759" max="10759" width="3.88671875" style="88" customWidth="1"/>
    <col min="10760" max="10760" width="2.109375" style="88" customWidth="1"/>
    <col min="10761" max="10762" width="4" style="88" customWidth="1"/>
    <col min="10763" max="10763" width="13.77734375" style="88" customWidth="1"/>
    <col min="10764" max="10764" width="1.44140625" style="88" customWidth="1"/>
    <col min="10765" max="10765" width="3.44140625" style="88" customWidth="1"/>
    <col min="10766" max="10766" width="1.6640625" style="88" customWidth="1"/>
    <col min="10767" max="10767" width="72.44140625" style="88" customWidth="1"/>
    <col min="10768" max="10768" width="8.33203125" style="88" customWidth="1"/>
    <col min="10769" max="10772" width="0" style="88" hidden="1" customWidth="1"/>
    <col min="10773" max="10783" width="8.88671875" style="88"/>
    <col min="10784" max="10787" width="0" style="88" hidden="1" customWidth="1"/>
    <col min="10788" max="10795" width="10" style="88" customWidth="1"/>
    <col min="10796" max="11002" width="8.88671875" style="88"/>
    <col min="11003" max="11003" width="7.44140625" style="88" customWidth="1"/>
    <col min="11004" max="11004" width="16" style="88" customWidth="1"/>
    <col min="11005" max="11005" width="12.21875" style="88" customWidth="1"/>
    <col min="11006" max="11006" width="6.109375" style="88" customWidth="1"/>
    <col min="11007" max="11007" width="1.77734375" style="88" customWidth="1"/>
    <col min="11008" max="11008" width="7.21875" style="88" customWidth="1"/>
    <col min="11009" max="11009" width="4.109375" style="88" customWidth="1"/>
    <col min="11010" max="11010" width="5.77734375" style="88" customWidth="1"/>
    <col min="11011" max="11011" width="1.77734375" style="88" customWidth="1"/>
    <col min="11012" max="11012" width="8.88671875" style="88"/>
    <col min="11013" max="11013" width="5" style="88" customWidth="1"/>
    <col min="11014" max="11014" width="1.6640625" style="88" customWidth="1"/>
    <col min="11015" max="11015" width="3.88671875" style="88" customWidth="1"/>
    <col min="11016" max="11016" width="2.109375" style="88" customWidth="1"/>
    <col min="11017" max="11018" width="4" style="88" customWidth="1"/>
    <col min="11019" max="11019" width="13.77734375" style="88" customWidth="1"/>
    <col min="11020" max="11020" width="1.44140625" style="88" customWidth="1"/>
    <col min="11021" max="11021" width="3.44140625" style="88" customWidth="1"/>
    <col min="11022" max="11022" width="1.6640625" style="88" customWidth="1"/>
    <col min="11023" max="11023" width="72.44140625" style="88" customWidth="1"/>
    <col min="11024" max="11024" width="8.33203125" style="88" customWidth="1"/>
    <col min="11025" max="11028" width="0" style="88" hidden="1" customWidth="1"/>
    <col min="11029" max="11039" width="8.88671875" style="88"/>
    <col min="11040" max="11043" width="0" style="88" hidden="1" customWidth="1"/>
    <col min="11044" max="11051" width="10" style="88" customWidth="1"/>
    <col min="11052" max="11258" width="8.88671875" style="88"/>
    <col min="11259" max="11259" width="7.44140625" style="88" customWidth="1"/>
    <col min="11260" max="11260" width="16" style="88" customWidth="1"/>
    <col min="11261" max="11261" width="12.21875" style="88" customWidth="1"/>
    <col min="11262" max="11262" width="6.109375" style="88" customWidth="1"/>
    <col min="11263" max="11263" width="1.77734375" style="88" customWidth="1"/>
    <col min="11264" max="11264" width="7.21875" style="88" customWidth="1"/>
    <col min="11265" max="11265" width="4.109375" style="88" customWidth="1"/>
    <col min="11266" max="11266" width="5.77734375" style="88" customWidth="1"/>
    <col min="11267" max="11267" width="1.77734375" style="88" customWidth="1"/>
    <col min="11268" max="11268" width="8.88671875" style="88"/>
    <col min="11269" max="11269" width="5" style="88" customWidth="1"/>
    <col min="11270" max="11270" width="1.6640625" style="88" customWidth="1"/>
    <col min="11271" max="11271" width="3.88671875" style="88" customWidth="1"/>
    <col min="11272" max="11272" width="2.109375" style="88" customWidth="1"/>
    <col min="11273" max="11274" width="4" style="88" customWidth="1"/>
    <col min="11275" max="11275" width="13.77734375" style="88" customWidth="1"/>
    <col min="11276" max="11276" width="1.44140625" style="88" customWidth="1"/>
    <col min="11277" max="11277" width="3.44140625" style="88" customWidth="1"/>
    <col min="11278" max="11278" width="1.6640625" style="88" customWidth="1"/>
    <col min="11279" max="11279" width="72.44140625" style="88" customWidth="1"/>
    <col min="11280" max="11280" width="8.33203125" style="88" customWidth="1"/>
    <col min="11281" max="11284" width="0" style="88" hidden="1" customWidth="1"/>
    <col min="11285" max="11295" width="8.88671875" style="88"/>
    <col min="11296" max="11299" width="0" style="88" hidden="1" customWidth="1"/>
    <col min="11300" max="11307" width="10" style="88" customWidth="1"/>
    <col min="11308" max="11514" width="8.88671875" style="88"/>
    <col min="11515" max="11515" width="7.44140625" style="88" customWidth="1"/>
    <col min="11516" max="11516" width="16" style="88" customWidth="1"/>
    <col min="11517" max="11517" width="12.21875" style="88" customWidth="1"/>
    <col min="11518" max="11518" width="6.109375" style="88" customWidth="1"/>
    <col min="11519" max="11519" width="1.77734375" style="88" customWidth="1"/>
    <col min="11520" max="11520" width="7.21875" style="88" customWidth="1"/>
    <col min="11521" max="11521" width="4.109375" style="88" customWidth="1"/>
    <col min="11522" max="11522" width="5.77734375" style="88" customWidth="1"/>
    <col min="11523" max="11523" width="1.77734375" style="88" customWidth="1"/>
    <col min="11524" max="11524" width="8.88671875" style="88"/>
    <col min="11525" max="11525" width="5" style="88" customWidth="1"/>
    <col min="11526" max="11526" width="1.6640625" style="88" customWidth="1"/>
    <col min="11527" max="11527" width="3.88671875" style="88" customWidth="1"/>
    <col min="11528" max="11528" width="2.109375" style="88" customWidth="1"/>
    <col min="11529" max="11530" width="4" style="88" customWidth="1"/>
    <col min="11531" max="11531" width="13.77734375" style="88" customWidth="1"/>
    <col min="11532" max="11532" width="1.44140625" style="88" customWidth="1"/>
    <col min="11533" max="11533" width="3.44140625" style="88" customWidth="1"/>
    <col min="11534" max="11534" width="1.6640625" style="88" customWidth="1"/>
    <col min="11535" max="11535" width="72.44140625" style="88" customWidth="1"/>
    <col min="11536" max="11536" width="8.33203125" style="88" customWidth="1"/>
    <col min="11537" max="11540" width="0" style="88" hidden="1" customWidth="1"/>
    <col min="11541" max="11551" width="8.88671875" style="88"/>
    <col min="11552" max="11555" width="0" style="88" hidden="1" customWidth="1"/>
    <col min="11556" max="11563" width="10" style="88" customWidth="1"/>
    <col min="11564" max="11770" width="8.88671875" style="88"/>
    <col min="11771" max="11771" width="7.44140625" style="88" customWidth="1"/>
    <col min="11772" max="11772" width="16" style="88" customWidth="1"/>
    <col min="11773" max="11773" width="12.21875" style="88" customWidth="1"/>
    <col min="11774" max="11774" width="6.109375" style="88" customWidth="1"/>
    <col min="11775" max="11775" width="1.77734375" style="88" customWidth="1"/>
    <col min="11776" max="11776" width="7.21875" style="88" customWidth="1"/>
    <col min="11777" max="11777" width="4.109375" style="88" customWidth="1"/>
    <col min="11778" max="11778" width="5.77734375" style="88" customWidth="1"/>
    <col min="11779" max="11779" width="1.77734375" style="88" customWidth="1"/>
    <col min="11780" max="11780" width="8.88671875" style="88"/>
    <col min="11781" max="11781" width="5" style="88" customWidth="1"/>
    <col min="11782" max="11782" width="1.6640625" style="88" customWidth="1"/>
    <col min="11783" max="11783" width="3.88671875" style="88" customWidth="1"/>
    <col min="11784" max="11784" width="2.109375" style="88" customWidth="1"/>
    <col min="11785" max="11786" width="4" style="88" customWidth="1"/>
    <col min="11787" max="11787" width="13.77734375" style="88" customWidth="1"/>
    <col min="11788" max="11788" width="1.44140625" style="88" customWidth="1"/>
    <col min="11789" max="11789" width="3.44140625" style="88" customWidth="1"/>
    <col min="11790" max="11790" width="1.6640625" style="88" customWidth="1"/>
    <col min="11791" max="11791" width="72.44140625" style="88" customWidth="1"/>
    <col min="11792" max="11792" width="8.33203125" style="88" customWidth="1"/>
    <col min="11793" max="11796" width="0" style="88" hidden="1" customWidth="1"/>
    <col min="11797" max="11807" width="8.88671875" style="88"/>
    <col min="11808" max="11811" width="0" style="88" hidden="1" customWidth="1"/>
    <col min="11812" max="11819" width="10" style="88" customWidth="1"/>
    <col min="11820" max="12026" width="8.88671875" style="88"/>
    <col min="12027" max="12027" width="7.44140625" style="88" customWidth="1"/>
    <col min="12028" max="12028" width="16" style="88" customWidth="1"/>
    <col min="12029" max="12029" width="12.21875" style="88" customWidth="1"/>
    <col min="12030" max="12030" width="6.109375" style="88" customWidth="1"/>
    <col min="12031" max="12031" width="1.77734375" style="88" customWidth="1"/>
    <col min="12032" max="12032" width="7.21875" style="88" customWidth="1"/>
    <col min="12033" max="12033" width="4.109375" style="88" customWidth="1"/>
    <col min="12034" max="12034" width="5.77734375" style="88" customWidth="1"/>
    <col min="12035" max="12035" width="1.77734375" style="88" customWidth="1"/>
    <col min="12036" max="12036" width="8.88671875" style="88"/>
    <col min="12037" max="12037" width="5" style="88" customWidth="1"/>
    <col min="12038" max="12038" width="1.6640625" style="88" customWidth="1"/>
    <col min="12039" max="12039" width="3.88671875" style="88" customWidth="1"/>
    <col min="12040" max="12040" width="2.109375" style="88" customWidth="1"/>
    <col min="12041" max="12042" width="4" style="88" customWidth="1"/>
    <col min="12043" max="12043" width="13.77734375" style="88" customWidth="1"/>
    <col min="12044" max="12044" width="1.44140625" style="88" customWidth="1"/>
    <col min="12045" max="12045" width="3.44140625" style="88" customWidth="1"/>
    <col min="12046" max="12046" width="1.6640625" style="88" customWidth="1"/>
    <col min="12047" max="12047" width="72.44140625" style="88" customWidth="1"/>
    <col min="12048" max="12048" width="8.33203125" style="88" customWidth="1"/>
    <col min="12049" max="12052" width="0" style="88" hidden="1" customWidth="1"/>
    <col min="12053" max="12063" width="8.88671875" style="88"/>
    <col min="12064" max="12067" width="0" style="88" hidden="1" customWidth="1"/>
    <col min="12068" max="12075" width="10" style="88" customWidth="1"/>
    <col min="12076" max="12282" width="8.88671875" style="88"/>
    <col min="12283" max="12283" width="7.44140625" style="88" customWidth="1"/>
    <col min="12284" max="12284" width="16" style="88" customWidth="1"/>
    <col min="12285" max="12285" width="12.21875" style="88" customWidth="1"/>
    <col min="12286" max="12286" width="6.109375" style="88" customWidth="1"/>
    <col min="12287" max="12287" width="1.77734375" style="88" customWidth="1"/>
    <col min="12288" max="12288" width="7.21875" style="88" customWidth="1"/>
    <col min="12289" max="12289" width="4.109375" style="88" customWidth="1"/>
    <col min="12290" max="12290" width="5.77734375" style="88" customWidth="1"/>
    <col min="12291" max="12291" width="1.77734375" style="88" customWidth="1"/>
    <col min="12292" max="12292" width="8.88671875" style="88"/>
    <col min="12293" max="12293" width="5" style="88" customWidth="1"/>
    <col min="12294" max="12294" width="1.6640625" style="88" customWidth="1"/>
    <col min="12295" max="12295" width="3.88671875" style="88" customWidth="1"/>
    <col min="12296" max="12296" width="2.109375" style="88" customWidth="1"/>
    <col min="12297" max="12298" width="4" style="88" customWidth="1"/>
    <col min="12299" max="12299" width="13.77734375" style="88" customWidth="1"/>
    <col min="12300" max="12300" width="1.44140625" style="88" customWidth="1"/>
    <col min="12301" max="12301" width="3.44140625" style="88" customWidth="1"/>
    <col min="12302" max="12302" width="1.6640625" style="88" customWidth="1"/>
    <col min="12303" max="12303" width="72.44140625" style="88" customWidth="1"/>
    <col min="12304" max="12304" width="8.33203125" style="88" customWidth="1"/>
    <col min="12305" max="12308" width="0" style="88" hidden="1" customWidth="1"/>
    <col min="12309" max="12319" width="8.88671875" style="88"/>
    <col min="12320" max="12323" width="0" style="88" hidden="1" customWidth="1"/>
    <col min="12324" max="12331" width="10" style="88" customWidth="1"/>
    <col min="12332" max="12538" width="8.88671875" style="88"/>
    <col min="12539" max="12539" width="7.44140625" style="88" customWidth="1"/>
    <col min="12540" max="12540" width="16" style="88" customWidth="1"/>
    <col min="12541" max="12541" width="12.21875" style="88" customWidth="1"/>
    <col min="12542" max="12542" width="6.109375" style="88" customWidth="1"/>
    <col min="12543" max="12543" width="1.77734375" style="88" customWidth="1"/>
    <col min="12544" max="12544" width="7.21875" style="88" customWidth="1"/>
    <col min="12545" max="12545" width="4.109375" style="88" customWidth="1"/>
    <col min="12546" max="12546" width="5.77734375" style="88" customWidth="1"/>
    <col min="12547" max="12547" width="1.77734375" style="88" customWidth="1"/>
    <col min="12548" max="12548" width="8.88671875" style="88"/>
    <col min="12549" max="12549" width="5" style="88" customWidth="1"/>
    <col min="12550" max="12550" width="1.6640625" style="88" customWidth="1"/>
    <col min="12551" max="12551" width="3.88671875" style="88" customWidth="1"/>
    <col min="12552" max="12552" width="2.109375" style="88" customWidth="1"/>
    <col min="12553" max="12554" width="4" style="88" customWidth="1"/>
    <col min="12555" max="12555" width="13.77734375" style="88" customWidth="1"/>
    <col min="12556" max="12556" width="1.44140625" style="88" customWidth="1"/>
    <col min="12557" max="12557" width="3.44140625" style="88" customWidth="1"/>
    <col min="12558" max="12558" width="1.6640625" style="88" customWidth="1"/>
    <col min="12559" max="12559" width="72.44140625" style="88" customWidth="1"/>
    <col min="12560" max="12560" width="8.33203125" style="88" customWidth="1"/>
    <col min="12561" max="12564" width="0" style="88" hidden="1" customWidth="1"/>
    <col min="12565" max="12575" width="8.88671875" style="88"/>
    <col min="12576" max="12579" width="0" style="88" hidden="1" customWidth="1"/>
    <col min="12580" max="12587" width="10" style="88" customWidth="1"/>
    <col min="12588" max="12794" width="8.88671875" style="88"/>
    <col min="12795" max="12795" width="7.44140625" style="88" customWidth="1"/>
    <col min="12796" max="12796" width="16" style="88" customWidth="1"/>
    <col min="12797" max="12797" width="12.21875" style="88" customWidth="1"/>
    <col min="12798" max="12798" width="6.109375" style="88" customWidth="1"/>
    <col min="12799" max="12799" width="1.77734375" style="88" customWidth="1"/>
    <col min="12800" max="12800" width="7.21875" style="88" customWidth="1"/>
    <col min="12801" max="12801" width="4.109375" style="88" customWidth="1"/>
    <col min="12802" max="12802" width="5.77734375" style="88" customWidth="1"/>
    <col min="12803" max="12803" width="1.77734375" style="88" customWidth="1"/>
    <col min="12804" max="12804" width="8.88671875" style="88"/>
    <col min="12805" max="12805" width="5" style="88" customWidth="1"/>
    <col min="12806" max="12806" width="1.6640625" style="88" customWidth="1"/>
    <col min="12807" max="12807" width="3.88671875" style="88" customWidth="1"/>
    <col min="12808" max="12808" width="2.109375" style="88" customWidth="1"/>
    <col min="12809" max="12810" width="4" style="88" customWidth="1"/>
    <col min="12811" max="12811" width="13.77734375" style="88" customWidth="1"/>
    <col min="12812" max="12812" width="1.44140625" style="88" customWidth="1"/>
    <col min="12813" max="12813" width="3.44140625" style="88" customWidth="1"/>
    <col min="12814" max="12814" width="1.6640625" style="88" customWidth="1"/>
    <col min="12815" max="12815" width="72.44140625" style="88" customWidth="1"/>
    <col min="12816" max="12816" width="8.33203125" style="88" customWidth="1"/>
    <col min="12817" max="12820" width="0" style="88" hidden="1" customWidth="1"/>
    <col min="12821" max="12831" width="8.88671875" style="88"/>
    <col min="12832" max="12835" width="0" style="88" hidden="1" customWidth="1"/>
    <col min="12836" max="12843" width="10" style="88" customWidth="1"/>
    <col min="12844" max="13050" width="8.88671875" style="88"/>
    <col min="13051" max="13051" width="7.44140625" style="88" customWidth="1"/>
    <col min="13052" max="13052" width="16" style="88" customWidth="1"/>
    <col min="13053" max="13053" width="12.21875" style="88" customWidth="1"/>
    <col min="13054" max="13054" width="6.109375" style="88" customWidth="1"/>
    <col min="13055" max="13055" width="1.77734375" style="88" customWidth="1"/>
    <col min="13056" max="13056" width="7.21875" style="88" customWidth="1"/>
    <col min="13057" max="13057" width="4.109375" style="88" customWidth="1"/>
    <col min="13058" max="13058" width="5.77734375" style="88" customWidth="1"/>
    <col min="13059" max="13059" width="1.77734375" style="88" customWidth="1"/>
    <col min="13060" max="13060" width="8.88671875" style="88"/>
    <col min="13061" max="13061" width="5" style="88" customWidth="1"/>
    <col min="13062" max="13062" width="1.6640625" style="88" customWidth="1"/>
    <col min="13063" max="13063" width="3.88671875" style="88" customWidth="1"/>
    <col min="13064" max="13064" width="2.109375" style="88" customWidth="1"/>
    <col min="13065" max="13066" width="4" style="88" customWidth="1"/>
    <col min="13067" max="13067" width="13.77734375" style="88" customWidth="1"/>
    <col min="13068" max="13068" width="1.44140625" style="88" customWidth="1"/>
    <col min="13069" max="13069" width="3.44140625" style="88" customWidth="1"/>
    <col min="13070" max="13070" width="1.6640625" style="88" customWidth="1"/>
    <col min="13071" max="13071" width="72.44140625" style="88" customWidth="1"/>
    <col min="13072" max="13072" width="8.33203125" style="88" customWidth="1"/>
    <col min="13073" max="13076" width="0" style="88" hidden="1" customWidth="1"/>
    <col min="13077" max="13087" width="8.88671875" style="88"/>
    <col min="13088" max="13091" width="0" style="88" hidden="1" customWidth="1"/>
    <col min="13092" max="13099" width="10" style="88" customWidth="1"/>
    <col min="13100" max="13306" width="8.88671875" style="88"/>
    <col min="13307" max="13307" width="7.44140625" style="88" customWidth="1"/>
    <col min="13308" max="13308" width="16" style="88" customWidth="1"/>
    <col min="13309" max="13309" width="12.21875" style="88" customWidth="1"/>
    <col min="13310" max="13310" width="6.109375" style="88" customWidth="1"/>
    <col min="13311" max="13311" width="1.77734375" style="88" customWidth="1"/>
    <col min="13312" max="13312" width="7.21875" style="88" customWidth="1"/>
    <col min="13313" max="13313" width="4.109375" style="88" customWidth="1"/>
    <col min="13314" max="13314" width="5.77734375" style="88" customWidth="1"/>
    <col min="13315" max="13315" width="1.77734375" style="88" customWidth="1"/>
    <col min="13316" max="13316" width="8.88671875" style="88"/>
    <col min="13317" max="13317" width="5" style="88" customWidth="1"/>
    <col min="13318" max="13318" width="1.6640625" style="88" customWidth="1"/>
    <col min="13319" max="13319" width="3.88671875" style="88" customWidth="1"/>
    <col min="13320" max="13320" width="2.109375" style="88" customWidth="1"/>
    <col min="13321" max="13322" width="4" style="88" customWidth="1"/>
    <col min="13323" max="13323" width="13.77734375" style="88" customWidth="1"/>
    <col min="13324" max="13324" width="1.44140625" style="88" customWidth="1"/>
    <col min="13325" max="13325" width="3.44140625" style="88" customWidth="1"/>
    <col min="13326" max="13326" width="1.6640625" style="88" customWidth="1"/>
    <col min="13327" max="13327" width="72.44140625" style="88" customWidth="1"/>
    <col min="13328" max="13328" width="8.33203125" style="88" customWidth="1"/>
    <col min="13329" max="13332" width="0" style="88" hidden="1" customWidth="1"/>
    <col min="13333" max="13343" width="8.88671875" style="88"/>
    <col min="13344" max="13347" width="0" style="88" hidden="1" customWidth="1"/>
    <col min="13348" max="13355" width="10" style="88" customWidth="1"/>
    <col min="13356" max="13562" width="8.88671875" style="88"/>
    <col min="13563" max="13563" width="7.44140625" style="88" customWidth="1"/>
    <col min="13564" max="13564" width="16" style="88" customWidth="1"/>
    <col min="13565" max="13565" width="12.21875" style="88" customWidth="1"/>
    <col min="13566" max="13566" width="6.109375" style="88" customWidth="1"/>
    <col min="13567" max="13567" width="1.77734375" style="88" customWidth="1"/>
    <col min="13568" max="13568" width="7.21875" style="88" customWidth="1"/>
    <col min="13569" max="13569" width="4.109375" style="88" customWidth="1"/>
    <col min="13570" max="13570" width="5.77734375" style="88" customWidth="1"/>
    <col min="13571" max="13571" width="1.77734375" style="88" customWidth="1"/>
    <col min="13572" max="13572" width="8.88671875" style="88"/>
    <col min="13573" max="13573" width="5" style="88" customWidth="1"/>
    <col min="13574" max="13574" width="1.6640625" style="88" customWidth="1"/>
    <col min="13575" max="13575" width="3.88671875" style="88" customWidth="1"/>
    <col min="13576" max="13576" width="2.109375" style="88" customWidth="1"/>
    <col min="13577" max="13578" width="4" style="88" customWidth="1"/>
    <col min="13579" max="13579" width="13.77734375" style="88" customWidth="1"/>
    <col min="13580" max="13580" width="1.44140625" style="88" customWidth="1"/>
    <col min="13581" max="13581" width="3.44140625" style="88" customWidth="1"/>
    <col min="13582" max="13582" width="1.6640625" style="88" customWidth="1"/>
    <col min="13583" max="13583" width="72.44140625" style="88" customWidth="1"/>
    <col min="13584" max="13584" width="8.33203125" style="88" customWidth="1"/>
    <col min="13585" max="13588" width="0" style="88" hidden="1" customWidth="1"/>
    <col min="13589" max="13599" width="8.88671875" style="88"/>
    <col min="13600" max="13603" width="0" style="88" hidden="1" customWidth="1"/>
    <col min="13604" max="13611" width="10" style="88" customWidth="1"/>
    <col min="13612" max="13818" width="8.88671875" style="88"/>
    <col min="13819" max="13819" width="7.44140625" style="88" customWidth="1"/>
    <col min="13820" max="13820" width="16" style="88" customWidth="1"/>
    <col min="13821" max="13821" width="12.21875" style="88" customWidth="1"/>
    <col min="13822" max="13822" width="6.109375" style="88" customWidth="1"/>
    <col min="13823" max="13823" width="1.77734375" style="88" customWidth="1"/>
    <col min="13824" max="13824" width="7.21875" style="88" customWidth="1"/>
    <col min="13825" max="13825" width="4.109375" style="88" customWidth="1"/>
    <col min="13826" max="13826" width="5.77734375" style="88" customWidth="1"/>
    <col min="13827" max="13827" width="1.77734375" style="88" customWidth="1"/>
    <col min="13828" max="13828" width="8.88671875" style="88"/>
    <col min="13829" max="13829" width="5" style="88" customWidth="1"/>
    <col min="13830" max="13830" width="1.6640625" style="88" customWidth="1"/>
    <col min="13831" max="13831" width="3.88671875" style="88" customWidth="1"/>
    <col min="13832" max="13832" width="2.109375" style="88" customWidth="1"/>
    <col min="13833" max="13834" width="4" style="88" customWidth="1"/>
    <col min="13835" max="13835" width="13.77734375" style="88" customWidth="1"/>
    <col min="13836" max="13836" width="1.44140625" style="88" customWidth="1"/>
    <col min="13837" max="13837" width="3.44140625" style="88" customWidth="1"/>
    <col min="13838" max="13838" width="1.6640625" style="88" customWidth="1"/>
    <col min="13839" max="13839" width="72.44140625" style="88" customWidth="1"/>
    <col min="13840" max="13840" width="8.33203125" style="88" customWidth="1"/>
    <col min="13841" max="13844" width="0" style="88" hidden="1" customWidth="1"/>
    <col min="13845" max="13855" width="8.88671875" style="88"/>
    <col min="13856" max="13859" width="0" style="88" hidden="1" customWidth="1"/>
    <col min="13860" max="13867" width="10" style="88" customWidth="1"/>
    <col min="13868" max="14074" width="8.88671875" style="88"/>
    <col min="14075" max="14075" width="7.44140625" style="88" customWidth="1"/>
    <col min="14076" max="14076" width="16" style="88" customWidth="1"/>
    <col min="14077" max="14077" width="12.21875" style="88" customWidth="1"/>
    <col min="14078" max="14078" width="6.109375" style="88" customWidth="1"/>
    <col min="14079" max="14079" width="1.77734375" style="88" customWidth="1"/>
    <col min="14080" max="14080" width="7.21875" style="88" customWidth="1"/>
    <col min="14081" max="14081" width="4.109375" style="88" customWidth="1"/>
    <col min="14082" max="14082" width="5.77734375" style="88" customWidth="1"/>
    <col min="14083" max="14083" width="1.77734375" style="88" customWidth="1"/>
    <col min="14084" max="14084" width="8.88671875" style="88"/>
    <col min="14085" max="14085" width="5" style="88" customWidth="1"/>
    <col min="14086" max="14086" width="1.6640625" style="88" customWidth="1"/>
    <col min="14087" max="14087" width="3.88671875" style="88" customWidth="1"/>
    <col min="14088" max="14088" width="2.109375" style="88" customWidth="1"/>
    <col min="14089" max="14090" width="4" style="88" customWidth="1"/>
    <col min="14091" max="14091" width="13.77734375" style="88" customWidth="1"/>
    <col min="14092" max="14092" width="1.44140625" style="88" customWidth="1"/>
    <col min="14093" max="14093" width="3.44140625" style="88" customWidth="1"/>
    <col min="14094" max="14094" width="1.6640625" style="88" customWidth="1"/>
    <col min="14095" max="14095" width="72.44140625" style="88" customWidth="1"/>
    <col min="14096" max="14096" width="8.33203125" style="88" customWidth="1"/>
    <col min="14097" max="14100" width="0" style="88" hidden="1" customWidth="1"/>
    <col min="14101" max="14111" width="8.88671875" style="88"/>
    <col min="14112" max="14115" width="0" style="88" hidden="1" customWidth="1"/>
    <col min="14116" max="14123" width="10" style="88" customWidth="1"/>
    <col min="14124" max="14330" width="8.88671875" style="88"/>
    <col min="14331" max="14331" width="7.44140625" style="88" customWidth="1"/>
    <col min="14332" max="14332" width="16" style="88" customWidth="1"/>
    <col min="14333" max="14333" width="12.21875" style="88" customWidth="1"/>
    <col min="14334" max="14334" width="6.109375" style="88" customWidth="1"/>
    <col min="14335" max="14335" width="1.77734375" style="88" customWidth="1"/>
    <col min="14336" max="14336" width="7.21875" style="88" customWidth="1"/>
    <col min="14337" max="14337" width="4.109375" style="88" customWidth="1"/>
    <col min="14338" max="14338" width="5.77734375" style="88" customWidth="1"/>
    <col min="14339" max="14339" width="1.77734375" style="88" customWidth="1"/>
    <col min="14340" max="14340" width="8.88671875" style="88"/>
    <col min="14341" max="14341" width="5" style="88" customWidth="1"/>
    <col min="14342" max="14342" width="1.6640625" style="88" customWidth="1"/>
    <col min="14343" max="14343" width="3.88671875" style="88" customWidth="1"/>
    <col min="14344" max="14344" width="2.109375" style="88" customWidth="1"/>
    <col min="14345" max="14346" width="4" style="88" customWidth="1"/>
    <col min="14347" max="14347" width="13.77734375" style="88" customWidth="1"/>
    <col min="14348" max="14348" width="1.44140625" style="88" customWidth="1"/>
    <col min="14349" max="14349" width="3.44140625" style="88" customWidth="1"/>
    <col min="14350" max="14350" width="1.6640625" style="88" customWidth="1"/>
    <col min="14351" max="14351" width="72.44140625" style="88" customWidth="1"/>
    <col min="14352" max="14352" width="8.33203125" style="88" customWidth="1"/>
    <col min="14353" max="14356" width="0" style="88" hidden="1" customWidth="1"/>
    <col min="14357" max="14367" width="8.88671875" style="88"/>
    <col min="14368" max="14371" width="0" style="88" hidden="1" customWidth="1"/>
    <col min="14372" max="14379" width="10" style="88" customWidth="1"/>
    <col min="14380" max="14586" width="8.88671875" style="88"/>
    <col min="14587" max="14587" width="7.44140625" style="88" customWidth="1"/>
    <col min="14588" max="14588" width="16" style="88" customWidth="1"/>
    <col min="14589" max="14589" width="12.21875" style="88" customWidth="1"/>
    <col min="14590" max="14590" width="6.109375" style="88" customWidth="1"/>
    <col min="14591" max="14591" width="1.77734375" style="88" customWidth="1"/>
    <col min="14592" max="14592" width="7.21875" style="88" customWidth="1"/>
    <col min="14593" max="14593" width="4.109375" style="88" customWidth="1"/>
    <col min="14594" max="14594" width="5.77734375" style="88" customWidth="1"/>
    <col min="14595" max="14595" width="1.77734375" style="88" customWidth="1"/>
    <col min="14596" max="14596" width="8.88671875" style="88"/>
    <col min="14597" max="14597" width="5" style="88" customWidth="1"/>
    <col min="14598" max="14598" width="1.6640625" style="88" customWidth="1"/>
    <col min="14599" max="14599" width="3.88671875" style="88" customWidth="1"/>
    <col min="14600" max="14600" width="2.109375" style="88" customWidth="1"/>
    <col min="14601" max="14602" width="4" style="88" customWidth="1"/>
    <col min="14603" max="14603" width="13.77734375" style="88" customWidth="1"/>
    <col min="14604" max="14604" width="1.44140625" style="88" customWidth="1"/>
    <col min="14605" max="14605" width="3.44140625" style="88" customWidth="1"/>
    <col min="14606" max="14606" width="1.6640625" style="88" customWidth="1"/>
    <col min="14607" max="14607" width="72.44140625" style="88" customWidth="1"/>
    <col min="14608" max="14608" width="8.33203125" style="88" customWidth="1"/>
    <col min="14609" max="14612" width="0" style="88" hidden="1" customWidth="1"/>
    <col min="14613" max="14623" width="8.88671875" style="88"/>
    <col min="14624" max="14627" width="0" style="88" hidden="1" customWidth="1"/>
    <col min="14628" max="14635" width="10" style="88" customWidth="1"/>
    <col min="14636" max="14842" width="8.88671875" style="88"/>
    <col min="14843" max="14843" width="7.44140625" style="88" customWidth="1"/>
    <col min="14844" max="14844" width="16" style="88" customWidth="1"/>
    <col min="14845" max="14845" width="12.21875" style="88" customWidth="1"/>
    <col min="14846" max="14846" width="6.109375" style="88" customWidth="1"/>
    <col min="14847" max="14847" width="1.77734375" style="88" customWidth="1"/>
    <col min="14848" max="14848" width="7.21875" style="88" customWidth="1"/>
    <col min="14849" max="14849" width="4.109375" style="88" customWidth="1"/>
    <col min="14850" max="14850" width="5.77734375" style="88" customWidth="1"/>
    <col min="14851" max="14851" width="1.77734375" style="88" customWidth="1"/>
    <col min="14852" max="14852" width="8.88671875" style="88"/>
    <col min="14853" max="14853" width="5" style="88" customWidth="1"/>
    <col min="14854" max="14854" width="1.6640625" style="88" customWidth="1"/>
    <col min="14855" max="14855" width="3.88671875" style="88" customWidth="1"/>
    <col min="14856" max="14856" width="2.109375" style="88" customWidth="1"/>
    <col min="14857" max="14858" width="4" style="88" customWidth="1"/>
    <col min="14859" max="14859" width="13.77734375" style="88" customWidth="1"/>
    <col min="14860" max="14860" width="1.44140625" style="88" customWidth="1"/>
    <col min="14861" max="14861" width="3.44140625" style="88" customWidth="1"/>
    <col min="14862" max="14862" width="1.6640625" style="88" customWidth="1"/>
    <col min="14863" max="14863" width="72.44140625" style="88" customWidth="1"/>
    <col min="14864" max="14864" width="8.33203125" style="88" customWidth="1"/>
    <col min="14865" max="14868" width="0" style="88" hidden="1" customWidth="1"/>
    <col min="14869" max="14879" width="8.88671875" style="88"/>
    <col min="14880" max="14883" width="0" style="88" hidden="1" customWidth="1"/>
    <col min="14884" max="14891" width="10" style="88" customWidth="1"/>
    <col min="14892" max="15098" width="8.88671875" style="88"/>
    <col min="15099" max="15099" width="7.44140625" style="88" customWidth="1"/>
    <col min="15100" max="15100" width="16" style="88" customWidth="1"/>
    <col min="15101" max="15101" width="12.21875" style="88" customWidth="1"/>
    <col min="15102" max="15102" width="6.109375" style="88" customWidth="1"/>
    <col min="15103" max="15103" width="1.77734375" style="88" customWidth="1"/>
    <col min="15104" max="15104" width="7.21875" style="88" customWidth="1"/>
    <col min="15105" max="15105" width="4.109375" style="88" customWidth="1"/>
    <col min="15106" max="15106" width="5.77734375" style="88" customWidth="1"/>
    <col min="15107" max="15107" width="1.77734375" style="88" customWidth="1"/>
    <col min="15108" max="15108" width="8.88671875" style="88"/>
    <col min="15109" max="15109" width="5" style="88" customWidth="1"/>
    <col min="15110" max="15110" width="1.6640625" style="88" customWidth="1"/>
    <col min="15111" max="15111" width="3.88671875" style="88" customWidth="1"/>
    <col min="15112" max="15112" width="2.109375" style="88" customWidth="1"/>
    <col min="15113" max="15114" width="4" style="88" customWidth="1"/>
    <col min="15115" max="15115" width="13.77734375" style="88" customWidth="1"/>
    <col min="15116" max="15116" width="1.44140625" style="88" customWidth="1"/>
    <col min="15117" max="15117" width="3.44140625" style="88" customWidth="1"/>
    <col min="15118" max="15118" width="1.6640625" style="88" customWidth="1"/>
    <col min="15119" max="15119" width="72.44140625" style="88" customWidth="1"/>
    <col min="15120" max="15120" width="8.33203125" style="88" customWidth="1"/>
    <col min="15121" max="15124" width="0" style="88" hidden="1" customWidth="1"/>
    <col min="15125" max="15135" width="8.88671875" style="88"/>
    <col min="15136" max="15139" width="0" style="88" hidden="1" customWidth="1"/>
    <col min="15140" max="15147" width="10" style="88" customWidth="1"/>
    <col min="15148" max="15354" width="8.88671875" style="88"/>
    <col min="15355" max="15355" width="7.44140625" style="88" customWidth="1"/>
    <col min="15356" max="15356" width="16" style="88" customWidth="1"/>
    <col min="15357" max="15357" width="12.21875" style="88" customWidth="1"/>
    <col min="15358" max="15358" width="6.109375" style="88" customWidth="1"/>
    <col min="15359" max="15359" width="1.77734375" style="88" customWidth="1"/>
    <col min="15360" max="15360" width="7.21875" style="88" customWidth="1"/>
    <col min="15361" max="15361" width="4.109375" style="88" customWidth="1"/>
    <col min="15362" max="15362" width="5.77734375" style="88" customWidth="1"/>
    <col min="15363" max="15363" width="1.77734375" style="88" customWidth="1"/>
    <col min="15364" max="15364" width="8.88671875" style="88"/>
    <col min="15365" max="15365" width="5" style="88" customWidth="1"/>
    <col min="15366" max="15366" width="1.6640625" style="88" customWidth="1"/>
    <col min="15367" max="15367" width="3.88671875" style="88" customWidth="1"/>
    <col min="15368" max="15368" width="2.109375" style="88" customWidth="1"/>
    <col min="15369" max="15370" width="4" style="88" customWidth="1"/>
    <col min="15371" max="15371" width="13.77734375" style="88" customWidth="1"/>
    <col min="15372" max="15372" width="1.44140625" style="88" customWidth="1"/>
    <col min="15373" max="15373" width="3.44140625" style="88" customWidth="1"/>
    <col min="15374" max="15374" width="1.6640625" style="88" customWidth="1"/>
    <col min="15375" max="15375" width="72.44140625" style="88" customWidth="1"/>
    <col min="15376" max="15376" width="8.33203125" style="88" customWidth="1"/>
    <col min="15377" max="15380" width="0" style="88" hidden="1" customWidth="1"/>
    <col min="15381" max="15391" width="8.88671875" style="88"/>
    <col min="15392" max="15395" width="0" style="88" hidden="1" customWidth="1"/>
    <col min="15396" max="15403" width="10" style="88" customWidth="1"/>
    <col min="15404" max="15610" width="8.88671875" style="88"/>
    <col min="15611" max="15611" width="7.44140625" style="88" customWidth="1"/>
    <col min="15612" max="15612" width="16" style="88" customWidth="1"/>
    <col min="15613" max="15613" width="12.21875" style="88" customWidth="1"/>
    <col min="15614" max="15614" width="6.109375" style="88" customWidth="1"/>
    <col min="15615" max="15615" width="1.77734375" style="88" customWidth="1"/>
    <col min="15616" max="15616" width="7.21875" style="88" customWidth="1"/>
    <col min="15617" max="15617" width="4.109375" style="88" customWidth="1"/>
    <col min="15618" max="15618" width="5.77734375" style="88" customWidth="1"/>
    <col min="15619" max="15619" width="1.77734375" style="88" customWidth="1"/>
    <col min="15620" max="15620" width="8.88671875" style="88"/>
    <col min="15621" max="15621" width="5" style="88" customWidth="1"/>
    <col min="15622" max="15622" width="1.6640625" style="88" customWidth="1"/>
    <col min="15623" max="15623" width="3.88671875" style="88" customWidth="1"/>
    <col min="15624" max="15624" width="2.109375" style="88" customWidth="1"/>
    <col min="15625" max="15626" width="4" style="88" customWidth="1"/>
    <col min="15627" max="15627" width="13.77734375" style="88" customWidth="1"/>
    <col min="15628" max="15628" width="1.44140625" style="88" customWidth="1"/>
    <col min="15629" max="15629" width="3.44140625" style="88" customWidth="1"/>
    <col min="15630" max="15630" width="1.6640625" style="88" customWidth="1"/>
    <col min="15631" max="15631" width="72.44140625" style="88" customWidth="1"/>
    <col min="15632" max="15632" width="8.33203125" style="88" customWidth="1"/>
    <col min="15633" max="15636" width="0" style="88" hidden="1" customWidth="1"/>
    <col min="15637" max="15647" width="8.88671875" style="88"/>
    <col min="15648" max="15651" width="0" style="88" hidden="1" customWidth="1"/>
    <col min="15652" max="15659" width="10" style="88" customWidth="1"/>
    <col min="15660" max="15866" width="8.88671875" style="88"/>
    <col min="15867" max="15867" width="7.44140625" style="88" customWidth="1"/>
    <col min="15868" max="15868" width="16" style="88" customWidth="1"/>
    <col min="15869" max="15869" width="12.21875" style="88" customWidth="1"/>
    <col min="15870" max="15870" width="6.109375" style="88" customWidth="1"/>
    <col min="15871" max="15871" width="1.77734375" style="88" customWidth="1"/>
    <col min="15872" max="15872" width="7.21875" style="88" customWidth="1"/>
    <col min="15873" max="15873" width="4.109375" style="88" customWidth="1"/>
    <col min="15874" max="15874" width="5.77734375" style="88" customWidth="1"/>
    <col min="15875" max="15875" width="1.77734375" style="88" customWidth="1"/>
    <col min="15876" max="15876" width="8.88671875" style="88"/>
    <col min="15877" max="15877" width="5" style="88" customWidth="1"/>
    <col min="15878" max="15878" width="1.6640625" style="88" customWidth="1"/>
    <col min="15879" max="15879" width="3.88671875" style="88" customWidth="1"/>
    <col min="15880" max="15880" width="2.109375" style="88" customWidth="1"/>
    <col min="15881" max="15882" width="4" style="88" customWidth="1"/>
    <col min="15883" max="15883" width="13.77734375" style="88" customWidth="1"/>
    <col min="15884" max="15884" width="1.44140625" style="88" customWidth="1"/>
    <col min="15885" max="15885" width="3.44140625" style="88" customWidth="1"/>
    <col min="15886" max="15886" width="1.6640625" style="88" customWidth="1"/>
    <col min="15887" max="15887" width="72.44140625" style="88" customWidth="1"/>
    <col min="15888" max="15888" width="8.33203125" style="88" customWidth="1"/>
    <col min="15889" max="15892" width="0" style="88" hidden="1" customWidth="1"/>
    <col min="15893" max="15903" width="8.88671875" style="88"/>
    <col min="15904" max="15907" width="0" style="88" hidden="1" customWidth="1"/>
    <col min="15908" max="15915" width="10" style="88" customWidth="1"/>
    <col min="15916" max="16122" width="8.88671875" style="88"/>
    <col min="16123" max="16123" width="7.44140625" style="88" customWidth="1"/>
    <col min="16124" max="16124" width="16" style="88" customWidth="1"/>
    <col min="16125" max="16125" width="12.21875" style="88" customWidth="1"/>
    <col min="16126" max="16126" width="6.109375" style="88" customWidth="1"/>
    <col min="16127" max="16127" width="1.77734375" style="88" customWidth="1"/>
    <col min="16128" max="16128" width="7.21875" style="88" customWidth="1"/>
    <col min="16129" max="16129" width="4.109375" style="88" customWidth="1"/>
    <col min="16130" max="16130" width="5.77734375" style="88" customWidth="1"/>
    <col min="16131" max="16131" width="1.77734375" style="88" customWidth="1"/>
    <col min="16132" max="16132" width="8.88671875" style="88"/>
    <col min="16133" max="16133" width="5" style="88" customWidth="1"/>
    <col min="16134" max="16134" width="1.6640625" style="88" customWidth="1"/>
    <col min="16135" max="16135" width="3.88671875" style="88" customWidth="1"/>
    <col min="16136" max="16136" width="2.109375" style="88" customWidth="1"/>
    <col min="16137" max="16138" width="4" style="88" customWidth="1"/>
    <col min="16139" max="16139" width="13.77734375" style="88" customWidth="1"/>
    <col min="16140" max="16140" width="1.44140625" style="88" customWidth="1"/>
    <col min="16141" max="16141" width="3.44140625" style="88" customWidth="1"/>
    <col min="16142" max="16142" width="1.6640625" style="88" customWidth="1"/>
    <col min="16143" max="16143" width="72.44140625" style="88" customWidth="1"/>
    <col min="16144" max="16144" width="8.33203125" style="88" customWidth="1"/>
    <col min="16145" max="16148" width="0" style="88" hidden="1" customWidth="1"/>
    <col min="16149" max="16159" width="8.88671875" style="88"/>
    <col min="16160" max="16163" width="0" style="88" hidden="1" customWidth="1"/>
    <col min="16164" max="16171" width="10" style="88" customWidth="1"/>
    <col min="16172" max="16378" width="8.88671875" style="88"/>
    <col min="16379" max="16384" width="8.88671875" style="88" customWidth="1"/>
  </cols>
  <sheetData>
    <row r="1" spans="1:21" ht="15" thickBot="1">
      <c r="A1" s="179" t="s">
        <v>76</v>
      </c>
      <c r="Q1" s="89"/>
    </row>
    <row r="2" spans="1:21" ht="21">
      <c r="A2" s="325" t="s">
        <v>136</v>
      </c>
      <c r="B2" s="326"/>
      <c r="C2" s="326"/>
      <c r="D2" s="326"/>
      <c r="E2" s="326"/>
      <c r="F2" s="326"/>
      <c r="G2" s="326"/>
      <c r="H2" s="326"/>
      <c r="I2" s="326"/>
      <c r="J2" s="326"/>
      <c r="K2" s="326"/>
      <c r="L2" s="326"/>
      <c r="M2" s="326"/>
      <c r="N2" s="326"/>
      <c r="O2" s="326"/>
      <c r="P2" s="326"/>
      <c r="Q2" s="326"/>
      <c r="R2" s="92"/>
      <c r="S2" s="357" t="s">
        <v>106</v>
      </c>
      <c r="T2" s="358"/>
      <c r="U2" s="359"/>
    </row>
    <row r="3" spans="1:21" ht="21">
      <c r="A3" s="94"/>
      <c r="B3" s="78"/>
      <c r="C3" s="78"/>
      <c r="D3" s="78"/>
      <c r="E3" s="78"/>
      <c r="F3" s="78"/>
      <c r="G3" s="78"/>
      <c r="H3" s="78"/>
      <c r="I3" s="78"/>
      <c r="J3" s="78"/>
      <c r="K3" s="78"/>
      <c r="L3" s="78"/>
      <c r="M3" s="78"/>
      <c r="N3" s="78"/>
      <c r="O3" s="78"/>
      <c r="P3" s="78"/>
      <c r="Q3" s="78"/>
      <c r="R3" s="92"/>
      <c r="S3" s="95"/>
      <c r="T3" s="93"/>
      <c r="U3" s="96"/>
    </row>
    <row r="4" spans="1:21">
      <c r="S4" s="97"/>
      <c r="T4" s="93"/>
      <c r="U4" s="98"/>
    </row>
    <row r="5" spans="1:21">
      <c r="S5" s="97"/>
      <c r="T5" s="93"/>
      <c r="U5" s="98"/>
    </row>
    <row r="6" spans="1:21">
      <c r="O6" s="360" t="s">
        <v>183</v>
      </c>
      <c r="P6" s="360"/>
      <c r="Q6" s="360"/>
      <c r="R6" s="100"/>
      <c r="S6" s="97"/>
      <c r="T6" s="93"/>
      <c r="U6" s="98" t="s">
        <v>107</v>
      </c>
    </row>
    <row r="7" spans="1:21">
      <c r="R7" s="100"/>
      <c r="S7" s="97"/>
      <c r="T7" s="93"/>
      <c r="U7" s="98"/>
    </row>
    <row r="8" spans="1:21">
      <c r="A8" s="88" t="s">
        <v>65</v>
      </c>
      <c r="S8" s="97"/>
      <c r="T8" s="93"/>
      <c r="U8" s="98"/>
    </row>
    <row r="9" spans="1:21">
      <c r="S9" s="97"/>
      <c r="T9" s="93"/>
      <c r="U9" s="98"/>
    </row>
    <row r="10" spans="1:21">
      <c r="A10" s="101"/>
      <c r="B10" s="101"/>
      <c r="S10" s="97"/>
      <c r="T10" s="93"/>
      <c r="U10" s="98"/>
    </row>
    <row r="11" spans="1:21">
      <c r="S11" s="97"/>
      <c r="T11" s="93"/>
      <c r="U11" s="98"/>
    </row>
    <row r="12" spans="1:21" ht="20.25" customHeight="1">
      <c r="B12" s="80" t="s">
        <v>93</v>
      </c>
      <c r="C12" s="75"/>
      <c r="D12" s="329" t="s">
        <v>94</v>
      </c>
      <c r="E12" s="329"/>
      <c r="F12" s="329"/>
      <c r="G12" s="330"/>
      <c r="H12" s="331"/>
      <c r="I12" s="331"/>
      <c r="J12" s="331"/>
      <c r="K12" s="331"/>
      <c r="L12" s="331"/>
      <c r="M12" s="331"/>
      <c r="N12" s="331"/>
      <c r="O12" s="331"/>
      <c r="P12" s="331"/>
      <c r="S12" s="97"/>
      <c r="T12" s="93"/>
      <c r="U12" s="98" t="s">
        <v>108</v>
      </c>
    </row>
    <row r="13" spans="1:21" ht="20.25" customHeight="1">
      <c r="B13" s="100"/>
      <c r="C13" s="75"/>
      <c r="D13" s="329" t="s">
        <v>109</v>
      </c>
      <c r="E13" s="329"/>
      <c r="F13" s="329"/>
      <c r="G13" s="330"/>
      <c r="H13" s="331"/>
      <c r="I13" s="331"/>
      <c r="J13" s="331"/>
      <c r="K13" s="331"/>
      <c r="L13" s="331"/>
      <c r="M13" s="331"/>
      <c r="N13" s="331"/>
      <c r="O13" s="331"/>
      <c r="P13" s="331"/>
      <c r="Q13" s="102"/>
      <c r="S13" s="97"/>
      <c r="T13" s="93"/>
      <c r="U13" s="98" t="s">
        <v>110</v>
      </c>
    </row>
    <row r="14" spans="1:21" ht="20.25" customHeight="1">
      <c r="B14" s="100"/>
      <c r="C14" s="321" t="s">
        <v>97</v>
      </c>
      <c r="D14" s="345"/>
      <c r="E14" s="345"/>
      <c r="F14" s="345"/>
      <c r="G14" s="322"/>
      <c r="H14" s="323"/>
      <c r="I14" s="323"/>
      <c r="J14" s="323"/>
      <c r="K14" s="323"/>
      <c r="L14" s="323"/>
      <c r="M14" s="323"/>
      <c r="N14" s="323"/>
      <c r="O14" s="323"/>
      <c r="P14" s="323"/>
      <c r="S14" s="97"/>
      <c r="T14" s="93"/>
      <c r="U14" s="98" t="s">
        <v>111</v>
      </c>
    </row>
    <row r="15" spans="1:21">
      <c r="S15" s="97"/>
      <c r="T15" s="93"/>
      <c r="U15" s="98"/>
    </row>
    <row r="16" spans="1:21">
      <c r="S16" s="97"/>
      <c r="T16" s="93"/>
      <c r="U16" s="98"/>
    </row>
    <row r="17" spans="1:34">
      <c r="S17" s="97"/>
      <c r="T17" s="93"/>
      <c r="U17" s="98"/>
    </row>
    <row r="18" spans="1:34">
      <c r="S18" s="97"/>
      <c r="T18" s="93"/>
      <c r="U18" s="98"/>
    </row>
    <row r="19" spans="1:34" ht="33.75" customHeight="1">
      <c r="A19" s="346" t="s">
        <v>135</v>
      </c>
      <c r="B19" s="324"/>
      <c r="C19" s="324"/>
      <c r="D19" s="324"/>
      <c r="E19" s="324"/>
      <c r="F19" s="324"/>
      <c r="G19" s="324"/>
      <c r="H19" s="324"/>
      <c r="I19" s="324"/>
      <c r="J19" s="324"/>
      <c r="K19" s="324"/>
      <c r="L19" s="324"/>
      <c r="M19" s="324"/>
      <c r="N19" s="324"/>
      <c r="O19" s="324"/>
      <c r="P19" s="324"/>
      <c r="Q19" s="324"/>
      <c r="S19" s="97"/>
      <c r="T19" s="93"/>
      <c r="U19" s="98"/>
    </row>
    <row r="20" spans="1:34">
      <c r="S20" s="97"/>
      <c r="T20" s="93"/>
      <c r="U20" s="98"/>
      <c r="AF20" s="103"/>
    </row>
    <row r="21" spans="1:34">
      <c r="S21" s="97"/>
      <c r="T21" s="93"/>
      <c r="U21" s="98"/>
      <c r="AF21" s="103"/>
    </row>
    <row r="22" spans="1:34" ht="23.25" customHeight="1">
      <c r="B22" s="347" t="s">
        <v>133</v>
      </c>
      <c r="C22" s="348"/>
      <c r="D22" s="348"/>
      <c r="E22" s="349"/>
      <c r="F22" s="347" t="s">
        <v>134</v>
      </c>
      <c r="G22" s="348"/>
      <c r="H22" s="348"/>
      <c r="I22" s="348"/>
      <c r="J22" s="348"/>
      <c r="K22" s="348"/>
      <c r="L22" s="348"/>
      <c r="M22" s="348"/>
      <c r="N22" s="348"/>
      <c r="O22" s="348"/>
      <c r="P22" s="349"/>
      <c r="Q22" s="350"/>
      <c r="S22" s="97"/>
      <c r="T22" s="93"/>
      <c r="U22" s="98"/>
    </row>
    <row r="23" spans="1:34" ht="42.75" customHeight="1">
      <c r="A23" s="104"/>
      <c r="B23" s="351"/>
      <c r="C23" s="352"/>
      <c r="D23" s="352"/>
      <c r="E23" s="353"/>
      <c r="F23" s="354"/>
      <c r="G23" s="355"/>
      <c r="H23" s="355"/>
      <c r="I23" s="355"/>
      <c r="J23" s="355"/>
      <c r="K23" s="355"/>
      <c r="L23" s="355"/>
      <c r="M23" s="355"/>
      <c r="N23" s="355"/>
      <c r="O23" s="355"/>
      <c r="P23" s="356"/>
      <c r="Q23" s="350"/>
      <c r="S23" s="105"/>
      <c r="T23" s="93"/>
      <c r="U23" s="106"/>
      <c r="AF23" s="107" t="s">
        <v>114</v>
      </c>
      <c r="AG23" s="108" t="s">
        <v>112</v>
      </c>
      <c r="AH23" s="109" t="e">
        <f>#REF!&amp;"："&amp;B23&amp;"・"&amp;I23&amp;"・"&amp;K23</f>
        <v>#REF!</v>
      </c>
    </row>
    <row r="24" spans="1:34" ht="42.75" customHeight="1">
      <c r="A24" s="110"/>
      <c r="B24" s="338"/>
      <c r="C24" s="339"/>
      <c r="D24" s="339"/>
      <c r="E24" s="340"/>
      <c r="F24" s="341"/>
      <c r="G24" s="342"/>
      <c r="H24" s="342"/>
      <c r="I24" s="342"/>
      <c r="J24" s="342"/>
      <c r="K24" s="342"/>
      <c r="L24" s="342"/>
      <c r="M24" s="342"/>
      <c r="N24" s="342"/>
      <c r="O24" s="342"/>
      <c r="P24" s="343"/>
      <c r="Q24" s="350"/>
      <c r="S24" s="97"/>
      <c r="T24" s="93"/>
      <c r="U24" s="337"/>
      <c r="AF24" s="107" t="s">
        <v>115</v>
      </c>
      <c r="AG24" s="108" t="s">
        <v>116</v>
      </c>
      <c r="AH24" s="109" t="str">
        <f>B24&amp;"："&amp;C24&amp;"・"&amp;I24&amp;"・"&amp;K24</f>
        <v>：・・</v>
      </c>
    </row>
    <row r="25" spans="1:34" ht="42.75" customHeight="1">
      <c r="A25" s="110"/>
      <c r="B25" s="338"/>
      <c r="C25" s="339"/>
      <c r="D25" s="339"/>
      <c r="E25" s="340"/>
      <c r="F25" s="341"/>
      <c r="G25" s="342"/>
      <c r="H25" s="342"/>
      <c r="I25" s="342"/>
      <c r="J25" s="342"/>
      <c r="K25" s="342"/>
      <c r="L25" s="342"/>
      <c r="M25" s="342"/>
      <c r="N25" s="342"/>
      <c r="O25" s="342"/>
      <c r="P25" s="343"/>
      <c r="Q25" s="350"/>
      <c r="S25" s="97"/>
      <c r="T25" s="93"/>
      <c r="U25" s="337"/>
      <c r="AF25" s="107" t="s">
        <v>118</v>
      </c>
      <c r="AG25" s="108" t="s">
        <v>117</v>
      </c>
      <c r="AH25" s="109" t="str">
        <f>B25&amp;"："&amp;C25&amp;"・"&amp;I25&amp;"・"&amp;K25</f>
        <v>：・・</v>
      </c>
    </row>
    <row r="26" spans="1:34" ht="42.75" customHeight="1">
      <c r="A26" s="110"/>
      <c r="B26" s="338"/>
      <c r="C26" s="339"/>
      <c r="D26" s="339"/>
      <c r="E26" s="340"/>
      <c r="F26" s="341"/>
      <c r="G26" s="342"/>
      <c r="H26" s="342"/>
      <c r="I26" s="342"/>
      <c r="J26" s="342"/>
      <c r="K26" s="342"/>
      <c r="L26" s="342"/>
      <c r="M26" s="342"/>
      <c r="N26" s="342"/>
      <c r="O26" s="342"/>
      <c r="P26" s="343"/>
      <c r="Q26" s="350"/>
      <c r="S26" s="97"/>
      <c r="T26" s="93"/>
      <c r="U26" s="98"/>
      <c r="AG26" s="111" t="s">
        <v>119</v>
      </c>
      <c r="AH26" s="109" t="str">
        <f>B26&amp;"："&amp;C26&amp;"・"&amp;I26&amp;"・"&amp;K26</f>
        <v>：・・</v>
      </c>
    </row>
    <row r="27" spans="1:34" ht="42.75" customHeight="1">
      <c r="A27" s="110"/>
      <c r="B27" s="344"/>
      <c r="C27" s="339"/>
      <c r="D27" s="339"/>
      <c r="E27" s="340"/>
      <c r="F27" s="341"/>
      <c r="G27" s="342"/>
      <c r="H27" s="342"/>
      <c r="I27" s="342"/>
      <c r="J27" s="342"/>
      <c r="K27" s="342"/>
      <c r="L27" s="342"/>
      <c r="M27" s="342"/>
      <c r="N27" s="342"/>
      <c r="O27" s="342"/>
      <c r="P27" s="343"/>
      <c r="S27" s="97"/>
      <c r="T27" s="93"/>
      <c r="U27" s="98"/>
      <c r="AG27" s="111" t="s">
        <v>119</v>
      </c>
      <c r="AH27" s="109" t="str">
        <f>B27&amp;"："&amp;C27&amp;"・"&amp;I27&amp;"・"&amp;K27</f>
        <v>：・・</v>
      </c>
    </row>
    <row r="28" spans="1:34" ht="11.25" customHeight="1">
      <c r="N28" s="99"/>
      <c r="S28" s="97"/>
      <c r="T28" s="93"/>
      <c r="U28" s="98"/>
    </row>
    <row r="29" spans="1:34">
      <c r="A29" s="112" t="s">
        <v>120</v>
      </c>
      <c r="B29" s="112"/>
      <c r="C29" s="112"/>
      <c r="D29" s="112"/>
      <c r="E29" s="112"/>
      <c r="F29" s="112"/>
      <c r="G29" s="112"/>
      <c r="H29" s="112"/>
      <c r="I29" s="112"/>
      <c r="J29" s="112"/>
      <c r="K29" s="112"/>
      <c r="L29" s="112"/>
      <c r="M29" s="112"/>
      <c r="N29" s="112"/>
      <c r="S29" s="97"/>
    </row>
    <row r="30" spans="1:34">
      <c r="A30" s="113" t="s">
        <v>121</v>
      </c>
      <c r="B30" s="112" t="s">
        <v>131</v>
      </c>
      <c r="C30" s="112"/>
      <c r="D30" s="112"/>
      <c r="E30" s="112"/>
      <c r="F30" s="112"/>
      <c r="G30" s="112"/>
      <c r="H30" s="112"/>
      <c r="I30" s="112"/>
      <c r="J30" s="112"/>
      <c r="K30" s="112"/>
      <c r="L30" s="112"/>
      <c r="M30" s="112"/>
      <c r="N30" s="112"/>
      <c r="S30" s="97"/>
    </row>
    <row r="31" spans="1:34">
      <c r="A31" s="113"/>
      <c r="B31" s="114"/>
      <c r="C31" s="114"/>
      <c r="D31" s="114"/>
      <c r="E31" s="114"/>
      <c r="F31" s="114"/>
      <c r="G31" s="114"/>
      <c r="H31" s="114"/>
      <c r="I31" s="114"/>
      <c r="J31" s="114"/>
      <c r="K31" s="114"/>
      <c r="L31" s="114"/>
      <c r="M31" s="114"/>
      <c r="N31" s="114"/>
      <c r="S31" s="97"/>
    </row>
    <row r="32" spans="1:34" ht="11.25" customHeight="1">
      <c r="S32" s="97"/>
      <c r="T32" s="93"/>
      <c r="U32" s="98"/>
    </row>
    <row r="33" spans="2:21" ht="11.25" customHeight="1">
      <c r="B33" s="75"/>
      <c r="C33" s="75"/>
      <c r="D33" s="75"/>
      <c r="E33" s="75"/>
      <c r="F33" s="75"/>
      <c r="G33" s="75"/>
      <c r="H33" s="75"/>
      <c r="I33" s="75"/>
      <c r="J33" s="75"/>
      <c r="K33" s="75"/>
      <c r="L33" s="75"/>
      <c r="M33" s="75"/>
      <c r="N33" s="75"/>
      <c r="O33" s="75"/>
      <c r="P33" s="75"/>
      <c r="S33" s="97"/>
      <c r="T33" s="93"/>
      <c r="U33" s="98"/>
    </row>
    <row r="34" spans="2:21" ht="11.25" customHeight="1">
      <c r="J34" s="332" t="s">
        <v>103</v>
      </c>
      <c r="K34" s="332"/>
      <c r="L34" s="332"/>
      <c r="M34" s="332"/>
      <c r="N34" s="332"/>
      <c r="O34" s="332"/>
      <c r="P34" s="332"/>
      <c r="S34" s="97"/>
      <c r="T34" s="93"/>
      <c r="U34" s="98"/>
    </row>
    <row r="35" spans="2:21" ht="11.25" customHeight="1">
      <c r="J35" s="332"/>
      <c r="K35" s="332"/>
      <c r="L35" s="332"/>
      <c r="M35" s="332"/>
      <c r="N35" s="332"/>
      <c r="O35" s="332"/>
      <c r="P35" s="332"/>
      <c r="S35" s="97"/>
      <c r="T35" s="93"/>
      <c r="U35" s="98"/>
    </row>
    <row r="36" spans="2:21" ht="11.25" customHeight="1">
      <c r="J36" s="333"/>
      <c r="K36" s="334"/>
      <c r="L36" s="334"/>
      <c r="M36" s="334"/>
      <c r="N36" s="334"/>
      <c r="O36" s="334"/>
      <c r="P36" s="334"/>
      <c r="S36" s="97"/>
      <c r="T36" s="93"/>
      <c r="U36" s="335" t="s">
        <v>122</v>
      </c>
    </row>
    <row r="37" spans="2:21" ht="11.25" customHeight="1">
      <c r="J37" s="334"/>
      <c r="K37" s="334"/>
      <c r="L37" s="334"/>
      <c r="M37" s="334"/>
      <c r="N37" s="334"/>
      <c r="O37" s="334"/>
      <c r="P37" s="334"/>
      <c r="S37" s="97"/>
      <c r="T37" s="93"/>
      <c r="U37" s="335"/>
    </row>
    <row r="38" spans="2:21" ht="11.25" customHeight="1">
      <c r="J38" s="334"/>
      <c r="K38" s="334"/>
      <c r="L38" s="334"/>
      <c r="M38" s="334"/>
      <c r="N38" s="334"/>
      <c r="O38" s="334"/>
      <c r="P38" s="334"/>
      <c r="S38" s="97"/>
      <c r="T38" s="93"/>
      <c r="U38" s="335"/>
    </row>
    <row r="39" spans="2:21" ht="11.25" customHeight="1">
      <c r="J39" s="334"/>
      <c r="K39" s="334"/>
      <c r="L39" s="334"/>
      <c r="M39" s="334"/>
      <c r="N39" s="334"/>
      <c r="O39" s="334"/>
      <c r="P39" s="334"/>
      <c r="S39" s="97"/>
      <c r="T39" s="93"/>
      <c r="U39" s="335"/>
    </row>
    <row r="40" spans="2:21" ht="11.25" customHeight="1">
      <c r="J40" s="334"/>
      <c r="K40" s="334"/>
      <c r="L40" s="334"/>
      <c r="M40" s="334"/>
      <c r="N40" s="334"/>
      <c r="O40" s="334"/>
      <c r="P40" s="334"/>
      <c r="S40" s="97"/>
      <c r="T40" s="93"/>
      <c r="U40" s="335"/>
    </row>
    <row r="41" spans="2:21" ht="11.25" customHeight="1">
      <c r="J41" s="334"/>
      <c r="K41" s="334"/>
      <c r="L41" s="334"/>
      <c r="M41" s="334"/>
      <c r="N41" s="334"/>
      <c r="O41" s="334"/>
      <c r="P41" s="334"/>
      <c r="S41" s="97"/>
      <c r="T41" s="93"/>
      <c r="U41" s="335"/>
    </row>
    <row r="42" spans="2:21" ht="11.25" customHeight="1" thickBot="1">
      <c r="J42" s="334"/>
      <c r="K42" s="334"/>
      <c r="L42" s="334"/>
      <c r="M42" s="334"/>
      <c r="N42" s="334"/>
      <c r="O42" s="334"/>
      <c r="P42" s="334"/>
      <c r="S42" s="115"/>
      <c r="T42" s="116"/>
      <c r="U42" s="336"/>
    </row>
    <row r="43" spans="2:21" ht="11.25" customHeight="1"/>
    <row r="44" spans="2:21" ht="11.25" customHeight="1"/>
    <row r="45" spans="2:21" ht="11.25" customHeight="1"/>
    <row r="46" spans="2:21" ht="11.25" customHeight="1"/>
    <row r="47" spans="2:21" ht="11.25" customHeight="1"/>
    <row r="48" spans="2:21" ht="11.25" customHeight="1"/>
    <row r="49" ht="11.25" customHeight="1"/>
  </sheetData>
  <customSheetViews>
    <customSheetView guid="{864473BD-17CB-4242-8B82-DC63A9F91306}" showPageBreaks="1" printArea="1" hiddenColumns="1" view="pageBreakPreview">
      <pageMargins left="0.70866141732283472" right="0.70866141732283472" top="0.78740157480314965" bottom="0.74803149606299213" header="0.31496062992125984" footer="0.31496062992125984"/>
      <pageSetup paperSize="9" scale="81" orientation="portrait" blackAndWhite="1" r:id="rId1"/>
    </customSheetView>
  </customSheetViews>
  <mergeCells count="27">
    <mergeCell ref="D13:F13"/>
    <mergeCell ref="G13:P13"/>
    <mergeCell ref="A2:Q2"/>
    <mergeCell ref="S2:U2"/>
    <mergeCell ref="O6:Q6"/>
    <mergeCell ref="D12:F12"/>
    <mergeCell ref="G12:P12"/>
    <mergeCell ref="C14:F14"/>
    <mergeCell ref="G14:P14"/>
    <mergeCell ref="A19:Q19"/>
    <mergeCell ref="B22:E22"/>
    <mergeCell ref="F22:P22"/>
    <mergeCell ref="Q22:Q26"/>
    <mergeCell ref="B26:E26"/>
    <mergeCell ref="F26:P26"/>
    <mergeCell ref="B23:E23"/>
    <mergeCell ref="F23:P23"/>
    <mergeCell ref="B24:E24"/>
    <mergeCell ref="F24:P24"/>
    <mergeCell ref="J34:P35"/>
    <mergeCell ref="J36:P42"/>
    <mergeCell ref="U36:U42"/>
    <mergeCell ref="U24:U25"/>
    <mergeCell ref="B25:E25"/>
    <mergeCell ref="F25:P25"/>
    <mergeCell ref="B27:E27"/>
    <mergeCell ref="F27:P27"/>
  </mergeCells>
  <phoneticPr fontId="8"/>
  <dataValidations count="7">
    <dataValidation type="custom" imeMode="halfAlpha" allowBlank="1" showInputMessage="1" showErrorMessage="1" errorTitle="入力内容に誤りがあります" error="半角英数字で入力してください" sqref="WVK983046:WVO983048 WLO983046:WLS983048 WBS983046:WBW983048 VRW983046:VSA983048 VIA983046:VIE983048 UYE983046:UYI983048 UOI983046:UOM983048 UEM983046:UEQ983048 TUQ983046:TUU983048 TKU983046:TKY983048 TAY983046:TBC983048 SRC983046:SRG983048 SHG983046:SHK983048 RXK983046:RXO983048 RNO983046:RNS983048 RDS983046:RDW983048 QTW983046:QUA983048 QKA983046:QKE983048 QAE983046:QAI983048 PQI983046:PQM983048 PGM983046:PGQ983048 OWQ983046:OWU983048 OMU983046:OMY983048 OCY983046:ODC983048 NTC983046:NTG983048 NJG983046:NJK983048 MZK983046:MZO983048 MPO983046:MPS983048 MFS983046:MFW983048 LVW983046:LWA983048 LMA983046:LME983048 LCE983046:LCI983048 KSI983046:KSM983048 KIM983046:KIQ983048 JYQ983046:JYU983048 JOU983046:JOY983048 JEY983046:JFC983048 IVC983046:IVG983048 ILG983046:ILK983048 IBK983046:IBO983048 HRO983046:HRS983048 HHS983046:HHW983048 GXW983046:GYA983048 GOA983046:GOE983048 GEE983046:GEI983048 FUI983046:FUM983048 FKM983046:FKQ983048 FAQ983046:FAU983048 EQU983046:EQY983048 EGY983046:EHC983048 DXC983046:DXG983048 DNG983046:DNK983048 DDK983046:DDO983048 CTO983046:CTS983048 CJS983046:CJW983048 BZW983046:CAA983048 BQA983046:BQE983048 BGE983046:BGI983048 AWI983046:AWM983048 AMM983046:AMQ983048 ACQ983046:ACU983048 SU983046:SY983048 IY983046:JC983048 I983046:M983048 WVK917510:WVO917512 WLO917510:WLS917512 WBS917510:WBW917512 VRW917510:VSA917512 VIA917510:VIE917512 UYE917510:UYI917512 UOI917510:UOM917512 UEM917510:UEQ917512 TUQ917510:TUU917512 TKU917510:TKY917512 TAY917510:TBC917512 SRC917510:SRG917512 SHG917510:SHK917512 RXK917510:RXO917512 RNO917510:RNS917512 RDS917510:RDW917512 QTW917510:QUA917512 QKA917510:QKE917512 QAE917510:QAI917512 PQI917510:PQM917512 PGM917510:PGQ917512 OWQ917510:OWU917512 OMU917510:OMY917512 OCY917510:ODC917512 NTC917510:NTG917512 NJG917510:NJK917512 MZK917510:MZO917512 MPO917510:MPS917512 MFS917510:MFW917512 LVW917510:LWA917512 LMA917510:LME917512 LCE917510:LCI917512 KSI917510:KSM917512 KIM917510:KIQ917512 JYQ917510:JYU917512 JOU917510:JOY917512 JEY917510:JFC917512 IVC917510:IVG917512 ILG917510:ILK917512 IBK917510:IBO917512 HRO917510:HRS917512 HHS917510:HHW917512 GXW917510:GYA917512 GOA917510:GOE917512 GEE917510:GEI917512 FUI917510:FUM917512 FKM917510:FKQ917512 FAQ917510:FAU917512 EQU917510:EQY917512 EGY917510:EHC917512 DXC917510:DXG917512 DNG917510:DNK917512 DDK917510:DDO917512 CTO917510:CTS917512 CJS917510:CJW917512 BZW917510:CAA917512 BQA917510:BQE917512 BGE917510:BGI917512 AWI917510:AWM917512 AMM917510:AMQ917512 ACQ917510:ACU917512 SU917510:SY917512 IY917510:JC917512 I917510:M917512 WVK851974:WVO851976 WLO851974:WLS851976 WBS851974:WBW851976 VRW851974:VSA851976 VIA851974:VIE851976 UYE851974:UYI851976 UOI851974:UOM851976 UEM851974:UEQ851976 TUQ851974:TUU851976 TKU851974:TKY851976 TAY851974:TBC851976 SRC851974:SRG851976 SHG851974:SHK851976 RXK851974:RXO851976 RNO851974:RNS851976 RDS851974:RDW851976 QTW851974:QUA851976 QKA851974:QKE851976 QAE851974:QAI851976 PQI851974:PQM851976 PGM851974:PGQ851976 OWQ851974:OWU851976 OMU851974:OMY851976 OCY851974:ODC851976 NTC851974:NTG851976 NJG851974:NJK851976 MZK851974:MZO851976 MPO851974:MPS851976 MFS851974:MFW851976 LVW851974:LWA851976 LMA851974:LME851976 LCE851974:LCI851976 KSI851974:KSM851976 KIM851974:KIQ851976 JYQ851974:JYU851976 JOU851974:JOY851976 JEY851974:JFC851976 IVC851974:IVG851976 ILG851974:ILK851976 IBK851974:IBO851976 HRO851974:HRS851976 HHS851974:HHW851976 GXW851974:GYA851976 GOA851974:GOE851976 GEE851974:GEI851976 FUI851974:FUM851976 FKM851974:FKQ851976 FAQ851974:FAU851976 EQU851974:EQY851976 EGY851974:EHC851976 DXC851974:DXG851976 DNG851974:DNK851976 DDK851974:DDO851976 CTO851974:CTS851976 CJS851974:CJW851976 BZW851974:CAA851976 BQA851974:BQE851976 BGE851974:BGI851976 AWI851974:AWM851976 AMM851974:AMQ851976 ACQ851974:ACU851976 SU851974:SY851976 IY851974:JC851976 I851974:M851976 WVK786438:WVO786440 WLO786438:WLS786440 WBS786438:WBW786440 VRW786438:VSA786440 VIA786438:VIE786440 UYE786438:UYI786440 UOI786438:UOM786440 UEM786438:UEQ786440 TUQ786438:TUU786440 TKU786438:TKY786440 TAY786438:TBC786440 SRC786438:SRG786440 SHG786438:SHK786440 RXK786438:RXO786440 RNO786438:RNS786440 RDS786438:RDW786440 QTW786438:QUA786440 QKA786438:QKE786440 QAE786438:QAI786440 PQI786438:PQM786440 PGM786438:PGQ786440 OWQ786438:OWU786440 OMU786438:OMY786440 OCY786438:ODC786440 NTC786438:NTG786440 NJG786438:NJK786440 MZK786438:MZO786440 MPO786438:MPS786440 MFS786438:MFW786440 LVW786438:LWA786440 LMA786438:LME786440 LCE786438:LCI786440 KSI786438:KSM786440 KIM786438:KIQ786440 JYQ786438:JYU786440 JOU786438:JOY786440 JEY786438:JFC786440 IVC786438:IVG786440 ILG786438:ILK786440 IBK786438:IBO786440 HRO786438:HRS786440 HHS786438:HHW786440 GXW786438:GYA786440 GOA786438:GOE786440 GEE786438:GEI786440 FUI786438:FUM786440 FKM786438:FKQ786440 FAQ786438:FAU786440 EQU786438:EQY786440 EGY786438:EHC786440 DXC786438:DXG786440 DNG786438:DNK786440 DDK786438:DDO786440 CTO786438:CTS786440 CJS786438:CJW786440 BZW786438:CAA786440 BQA786438:BQE786440 BGE786438:BGI786440 AWI786438:AWM786440 AMM786438:AMQ786440 ACQ786438:ACU786440 SU786438:SY786440 IY786438:JC786440 I786438:M786440 WVK720902:WVO720904 WLO720902:WLS720904 WBS720902:WBW720904 VRW720902:VSA720904 VIA720902:VIE720904 UYE720902:UYI720904 UOI720902:UOM720904 UEM720902:UEQ720904 TUQ720902:TUU720904 TKU720902:TKY720904 TAY720902:TBC720904 SRC720902:SRG720904 SHG720902:SHK720904 RXK720902:RXO720904 RNO720902:RNS720904 RDS720902:RDW720904 QTW720902:QUA720904 QKA720902:QKE720904 QAE720902:QAI720904 PQI720902:PQM720904 PGM720902:PGQ720904 OWQ720902:OWU720904 OMU720902:OMY720904 OCY720902:ODC720904 NTC720902:NTG720904 NJG720902:NJK720904 MZK720902:MZO720904 MPO720902:MPS720904 MFS720902:MFW720904 LVW720902:LWA720904 LMA720902:LME720904 LCE720902:LCI720904 KSI720902:KSM720904 KIM720902:KIQ720904 JYQ720902:JYU720904 JOU720902:JOY720904 JEY720902:JFC720904 IVC720902:IVG720904 ILG720902:ILK720904 IBK720902:IBO720904 HRO720902:HRS720904 HHS720902:HHW720904 GXW720902:GYA720904 GOA720902:GOE720904 GEE720902:GEI720904 FUI720902:FUM720904 FKM720902:FKQ720904 FAQ720902:FAU720904 EQU720902:EQY720904 EGY720902:EHC720904 DXC720902:DXG720904 DNG720902:DNK720904 DDK720902:DDO720904 CTO720902:CTS720904 CJS720902:CJW720904 BZW720902:CAA720904 BQA720902:BQE720904 BGE720902:BGI720904 AWI720902:AWM720904 AMM720902:AMQ720904 ACQ720902:ACU720904 SU720902:SY720904 IY720902:JC720904 I720902:M720904 WVK655366:WVO655368 WLO655366:WLS655368 WBS655366:WBW655368 VRW655366:VSA655368 VIA655366:VIE655368 UYE655366:UYI655368 UOI655366:UOM655368 UEM655366:UEQ655368 TUQ655366:TUU655368 TKU655366:TKY655368 TAY655366:TBC655368 SRC655366:SRG655368 SHG655366:SHK655368 RXK655366:RXO655368 RNO655366:RNS655368 RDS655366:RDW655368 QTW655366:QUA655368 QKA655366:QKE655368 QAE655366:QAI655368 PQI655366:PQM655368 PGM655366:PGQ655368 OWQ655366:OWU655368 OMU655366:OMY655368 OCY655366:ODC655368 NTC655366:NTG655368 NJG655366:NJK655368 MZK655366:MZO655368 MPO655366:MPS655368 MFS655366:MFW655368 LVW655366:LWA655368 LMA655366:LME655368 LCE655366:LCI655368 KSI655366:KSM655368 KIM655366:KIQ655368 JYQ655366:JYU655368 JOU655366:JOY655368 JEY655366:JFC655368 IVC655366:IVG655368 ILG655366:ILK655368 IBK655366:IBO655368 HRO655366:HRS655368 HHS655366:HHW655368 GXW655366:GYA655368 GOA655366:GOE655368 GEE655366:GEI655368 FUI655366:FUM655368 FKM655366:FKQ655368 FAQ655366:FAU655368 EQU655366:EQY655368 EGY655366:EHC655368 DXC655366:DXG655368 DNG655366:DNK655368 DDK655366:DDO655368 CTO655366:CTS655368 CJS655366:CJW655368 BZW655366:CAA655368 BQA655366:BQE655368 BGE655366:BGI655368 AWI655366:AWM655368 AMM655366:AMQ655368 ACQ655366:ACU655368 SU655366:SY655368 IY655366:JC655368 I655366:M655368 WVK589830:WVO589832 WLO589830:WLS589832 WBS589830:WBW589832 VRW589830:VSA589832 VIA589830:VIE589832 UYE589830:UYI589832 UOI589830:UOM589832 UEM589830:UEQ589832 TUQ589830:TUU589832 TKU589830:TKY589832 TAY589830:TBC589832 SRC589830:SRG589832 SHG589830:SHK589832 RXK589830:RXO589832 RNO589830:RNS589832 RDS589830:RDW589832 QTW589830:QUA589832 QKA589830:QKE589832 QAE589830:QAI589832 PQI589830:PQM589832 PGM589830:PGQ589832 OWQ589830:OWU589832 OMU589830:OMY589832 OCY589830:ODC589832 NTC589830:NTG589832 NJG589830:NJK589832 MZK589830:MZO589832 MPO589830:MPS589832 MFS589830:MFW589832 LVW589830:LWA589832 LMA589830:LME589832 LCE589830:LCI589832 KSI589830:KSM589832 KIM589830:KIQ589832 JYQ589830:JYU589832 JOU589830:JOY589832 JEY589830:JFC589832 IVC589830:IVG589832 ILG589830:ILK589832 IBK589830:IBO589832 HRO589830:HRS589832 HHS589830:HHW589832 GXW589830:GYA589832 GOA589830:GOE589832 GEE589830:GEI589832 FUI589830:FUM589832 FKM589830:FKQ589832 FAQ589830:FAU589832 EQU589830:EQY589832 EGY589830:EHC589832 DXC589830:DXG589832 DNG589830:DNK589832 DDK589830:DDO589832 CTO589830:CTS589832 CJS589830:CJW589832 BZW589830:CAA589832 BQA589830:BQE589832 BGE589830:BGI589832 AWI589830:AWM589832 AMM589830:AMQ589832 ACQ589830:ACU589832 SU589830:SY589832 IY589830:JC589832 I589830:M589832 WVK524294:WVO524296 WLO524294:WLS524296 WBS524294:WBW524296 VRW524294:VSA524296 VIA524294:VIE524296 UYE524294:UYI524296 UOI524294:UOM524296 UEM524294:UEQ524296 TUQ524294:TUU524296 TKU524294:TKY524296 TAY524294:TBC524296 SRC524294:SRG524296 SHG524294:SHK524296 RXK524294:RXO524296 RNO524294:RNS524296 RDS524294:RDW524296 QTW524294:QUA524296 QKA524294:QKE524296 QAE524294:QAI524296 PQI524294:PQM524296 PGM524294:PGQ524296 OWQ524294:OWU524296 OMU524294:OMY524296 OCY524294:ODC524296 NTC524294:NTG524296 NJG524294:NJK524296 MZK524294:MZO524296 MPO524294:MPS524296 MFS524294:MFW524296 LVW524294:LWA524296 LMA524294:LME524296 LCE524294:LCI524296 KSI524294:KSM524296 KIM524294:KIQ524296 JYQ524294:JYU524296 JOU524294:JOY524296 JEY524294:JFC524296 IVC524294:IVG524296 ILG524294:ILK524296 IBK524294:IBO524296 HRO524294:HRS524296 HHS524294:HHW524296 GXW524294:GYA524296 GOA524294:GOE524296 GEE524294:GEI524296 FUI524294:FUM524296 FKM524294:FKQ524296 FAQ524294:FAU524296 EQU524294:EQY524296 EGY524294:EHC524296 DXC524294:DXG524296 DNG524294:DNK524296 DDK524294:DDO524296 CTO524294:CTS524296 CJS524294:CJW524296 BZW524294:CAA524296 BQA524294:BQE524296 BGE524294:BGI524296 AWI524294:AWM524296 AMM524294:AMQ524296 ACQ524294:ACU524296 SU524294:SY524296 IY524294:JC524296 I524294:M524296 WVK458758:WVO458760 WLO458758:WLS458760 WBS458758:WBW458760 VRW458758:VSA458760 VIA458758:VIE458760 UYE458758:UYI458760 UOI458758:UOM458760 UEM458758:UEQ458760 TUQ458758:TUU458760 TKU458758:TKY458760 TAY458758:TBC458760 SRC458758:SRG458760 SHG458758:SHK458760 RXK458758:RXO458760 RNO458758:RNS458760 RDS458758:RDW458760 QTW458758:QUA458760 QKA458758:QKE458760 QAE458758:QAI458760 PQI458758:PQM458760 PGM458758:PGQ458760 OWQ458758:OWU458760 OMU458758:OMY458760 OCY458758:ODC458760 NTC458758:NTG458760 NJG458758:NJK458760 MZK458758:MZO458760 MPO458758:MPS458760 MFS458758:MFW458760 LVW458758:LWA458760 LMA458758:LME458760 LCE458758:LCI458760 KSI458758:KSM458760 KIM458758:KIQ458760 JYQ458758:JYU458760 JOU458758:JOY458760 JEY458758:JFC458760 IVC458758:IVG458760 ILG458758:ILK458760 IBK458758:IBO458760 HRO458758:HRS458760 HHS458758:HHW458760 GXW458758:GYA458760 GOA458758:GOE458760 GEE458758:GEI458760 FUI458758:FUM458760 FKM458758:FKQ458760 FAQ458758:FAU458760 EQU458758:EQY458760 EGY458758:EHC458760 DXC458758:DXG458760 DNG458758:DNK458760 DDK458758:DDO458760 CTO458758:CTS458760 CJS458758:CJW458760 BZW458758:CAA458760 BQA458758:BQE458760 BGE458758:BGI458760 AWI458758:AWM458760 AMM458758:AMQ458760 ACQ458758:ACU458760 SU458758:SY458760 IY458758:JC458760 I458758:M458760 WVK393222:WVO393224 WLO393222:WLS393224 WBS393222:WBW393224 VRW393222:VSA393224 VIA393222:VIE393224 UYE393222:UYI393224 UOI393222:UOM393224 UEM393222:UEQ393224 TUQ393222:TUU393224 TKU393222:TKY393224 TAY393222:TBC393224 SRC393222:SRG393224 SHG393222:SHK393224 RXK393222:RXO393224 RNO393222:RNS393224 RDS393222:RDW393224 QTW393222:QUA393224 QKA393222:QKE393224 QAE393222:QAI393224 PQI393222:PQM393224 PGM393222:PGQ393224 OWQ393222:OWU393224 OMU393222:OMY393224 OCY393222:ODC393224 NTC393222:NTG393224 NJG393222:NJK393224 MZK393222:MZO393224 MPO393222:MPS393224 MFS393222:MFW393224 LVW393222:LWA393224 LMA393222:LME393224 LCE393222:LCI393224 KSI393222:KSM393224 KIM393222:KIQ393224 JYQ393222:JYU393224 JOU393222:JOY393224 JEY393222:JFC393224 IVC393222:IVG393224 ILG393222:ILK393224 IBK393222:IBO393224 HRO393222:HRS393224 HHS393222:HHW393224 GXW393222:GYA393224 GOA393222:GOE393224 GEE393222:GEI393224 FUI393222:FUM393224 FKM393222:FKQ393224 FAQ393222:FAU393224 EQU393222:EQY393224 EGY393222:EHC393224 DXC393222:DXG393224 DNG393222:DNK393224 DDK393222:DDO393224 CTO393222:CTS393224 CJS393222:CJW393224 BZW393222:CAA393224 BQA393222:BQE393224 BGE393222:BGI393224 AWI393222:AWM393224 AMM393222:AMQ393224 ACQ393222:ACU393224 SU393222:SY393224 IY393222:JC393224 I393222:M393224 WVK327686:WVO327688 WLO327686:WLS327688 WBS327686:WBW327688 VRW327686:VSA327688 VIA327686:VIE327688 UYE327686:UYI327688 UOI327686:UOM327688 UEM327686:UEQ327688 TUQ327686:TUU327688 TKU327686:TKY327688 TAY327686:TBC327688 SRC327686:SRG327688 SHG327686:SHK327688 RXK327686:RXO327688 RNO327686:RNS327688 RDS327686:RDW327688 QTW327686:QUA327688 QKA327686:QKE327688 QAE327686:QAI327688 PQI327686:PQM327688 PGM327686:PGQ327688 OWQ327686:OWU327688 OMU327686:OMY327688 OCY327686:ODC327688 NTC327686:NTG327688 NJG327686:NJK327688 MZK327686:MZO327688 MPO327686:MPS327688 MFS327686:MFW327688 LVW327686:LWA327688 LMA327686:LME327688 LCE327686:LCI327688 KSI327686:KSM327688 KIM327686:KIQ327688 JYQ327686:JYU327688 JOU327686:JOY327688 JEY327686:JFC327688 IVC327686:IVG327688 ILG327686:ILK327688 IBK327686:IBO327688 HRO327686:HRS327688 HHS327686:HHW327688 GXW327686:GYA327688 GOA327686:GOE327688 GEE327686:GEI327688 FUI327686:FUM327688 FKM327686:FKQ327688 FAQ327686:FAU327688 EQU327686:EQY327688 EGY327686:EHC327688 DXC327686:DXG327688 DNG327686:DNK327688 DDK327686:DDO327688 CTO327686:CTS327688 CJS327686:CJW327688 BZW327686:CAA327688 BQA327686:BQE327688 BGE327686:BGI327688 AWI327686:AWM327688 AMM327686:AMQ327688 ACQ327686:ACU327688 SU327686:SY327688 IY327686:JC327688 I327686:M327688 WVK262150:WVO262152 WLO262150:WLS262152 WBS262150:WBW262152 VRW262150:VSA262152 VIA262150:VIE262152 UYE262150:UYI262152 UOI262150:UOM262152 UEM262150:UEQ262152 TUQ262150:TUU262152 TKU262150:TKY262152 TAY262150:TBC262152 SRC262150:SRG262152 SHG262150:SHK262152 RXK262150:RXO262152 RNO262150:RNS262152 RDS262150:RDW262152 QTW262150:QUA262152 QKA262150:QKE262152 QAE262150:QAI262152 PQI262150:PQM262152 PGM262150:PGQ262152 OWQ262150:OWU262152 OMU262150:OMY262152 OCY262150:ODC262152 NTC262150:NTG262152 NJG262150:NJK262152 MZK262150:MZO262152 MPO262150:MPS262152 MFS262150:MFW262152 LVW262150:LWA262152 LMA262150:LME262152 LCE262150:LCI262152 KSI262150:KSM262152 KIM262150:KIQ262152 JYQ262150:JYU262152 JOU262150:JOY262152 JEY262150:JFC262152 IVC262150:IVG262152 ILG262150:ILK262152 IBK262150:IBO262152 HRO262150:HRS262152 HHS262150:HHW262152 GXW262150:GYA262152 GOA262150:GOE262152 GEE262150:GEI262152 FUI262150:FUM262152 FKM262150:FKQ262152 FAQ262150:FAU262152 EQU262150:EQY262152 EGY262150:EHC262152 DXC262150:DXG262152 DNG262150:DNK262152 DDK262150:DDO262152 CTO262150:CTS262152 CJS262150:CJW262152 BZW262150:CAA262152 BQA262150:BQE262152 BGE262150:BGI262152 AWI262150:AWM262152 AMM262150:AMQ262152 ACQ262150:ACU262152 SU262150:SY262152 IY262150:JC262152 I262150:M262152 WVK196614:WVO196616 WLO196614:WLS196616 WBS196614:WBW196616 VRW196614:VSA196616 VIA196614:VIE196616 UYE196614:UYI196616 UOI196614:UOM196616 UEM196614:UEQ196616 TUQ196614:TUU196616 TKU196614:TKY196616 TAY196614:TBC196616 SRC196614:SRG196616 SHG196614:SHK196616 RXK196614:RXO196616 RNO196614:RNS196616 RDS196614:RDW196616 QTW196614:QUA196616 QKA196614:QKE196616 QAE196614:QAI196616 PQI196614:PQM196616 PGM196614:PGQ196616 OWQ196614:OWU196616 OMU196614:OMY196616 OCY196614:ODC196616 NTC196614:NTG196616 NJG196614:NJK196616 MZK196614:MZO196616 MPO196614:MPS196616 MFS196614:MFW196616 LVW196614:LWA196616 LMA196614:LME196616 LCE196614:LCI196616 KSI196614:KSM196616 KIM196614:KIQ196616 JYQ196614:JYU196616 JOU196614:JOY196616 JEY196614:JFC196616 IVC196614:IVG196616 ILG196614:ILK196616 IBK196614:IBO196616 HRO196614:HRS196616 HHS196614:HHW196616 GXW196614:GYA196616 GOA196614:GOE196616 GEE196614:GEI196616 FUI196614:FUM196616 FKM196614:FKQ196616 FAQ196614:FAU196616 EQU196614:EQY196616 EGY196614:EHC196616 DXC196614:DXG196616 DNG196614:DNK196616 DDK196614:DDO196616 CTO196614:CTS196616 CJS196614:CJW196616 BZW196614:CAA196616 BQA196614:BQE196616 BGE196614:BGI196616 AWI196614:AWM196616 AMM196614:AMQ196616 ACQ196614:ACU196616 SU196614:SY196616 IY196614:JC196616 I196614:M196616 WVK131078:WVO131080 WLO131078:WLS131080 WBS131078:WBW131080 VRW131078:VSA131080 VIA131078:VIE131080 UYE131078:UYI131080 UOI131078:UOM131080 UEM131078:UEQ131080 TUQ131078:TUU131080 TKU131078:TKY131080 TAY131078:TBC131080 SRC131078:SRG131080 SHG131078:SHK131080 RXK131078:RXO131080 RNO131078:RNS131080 RDS131078:RDW131080 QTW131078:QUA131080 QKA131078:QKE131080 QAE131078:QAI131080 PQI131078:PQM131080 PGM131078:PGQ131080 OWQ131078:OWU131080 OMU131078:OMY131080 OCY131078:ODC131080 NTC131078:NTG131080 NJG131078:NJK131080 MZK131078:MZO131080 MPO131078:MPS131080 MFS131078:MFW131080 LVW131078:LWA131080 LMA131078:LME131080 LCE131078:LCI131080 KSI131078:KSM131080 KIM131078:KIQ131080 JYQ131078:JYU131080 JOU131078:JOY131080 JEY131078:JFC131080 IVC131078:IVG131080 ILG131078:ILK131080 IBK131078:IBO131080 HRO131078:HRS131080 HHS131078:HHW131080 GXW131078:GYA131080 GOA131078:GOE131080 GEE131078:GEI131080 FUI131078:FUM131080 FKM131078:FKQ131080 FAQ131078:FAU131080 EQU131078:EQY131080 EGY131078:EHC131080 DXC131078:DXG131080 DNG131078:DNK131080 DDK131078:DDO131080 CTO131078:CTS131080 CJS131078:CJW131080 BZW131078:CAA131080 BQA131078:BQE131080 BGE131078:BGI131080 AWI131078:AWM131080 AMM131078:AMQ131080 ACQ131078:ACU131080 SU131078:SY131080 IY131078:JC131080 I131078:M131080 WVK65542:WVO65544 WLO65542:WLS65544 WBS65542:WBW65544 VRW65542:VSA65544 VIA65542:VIE65544 UYE65542:UYI65544 UOI65542:UOM65544 UEM65542:UEQ65544 TUQ65542:TUU65544 TKU65542:TKY65544 TAY65542:TBC65544 SRC65542:SRG65544 SHG65542:SHK65544 RXK65542:RXO65544 RNO65542:RNS65544 RDS65542:RDW65544 QTW65542:QUA65544 QKA65542:QKE65544 QAE65542:QAI65544 PQI65542:PQM65544 PGM65542:PGQ65544 OWQ65542:OWU65544 OMU65542:OMY65544 OCY65542:ODC65544 NTC65542:NTG65544 NJG65542:NJK65544 MZK65542:MZO65544 MPO65542:MPS65544 MFS65542:MFW65544 LVW65542:LWA65544 LMA65542:LME65544 LCE65542:LCI65544 KSI65542:KSM65544 KIM65542:KIQ65544 JYQ65542:JYU65544 JOU65542:JOY65544 JEY65542:JFC65544 IVC65542:IVG65544 ILG65542:ILK65544 IBK65542:IBO65544 HRO65542:HRS65544 HHS65542:HHW65544 GXW65542:GYA65544 GOA65542:GOE65544 GEE65542:GEI65544 FUI65542:FUM65544 FKM65542:FKQ65544 FAQ65542:FAU65544 EQU65542:EQY65544 EGY65542:EHC65544 DXC65542:DXG65544 DNG65542:DNK65544 DDK65542:DDO65544 CTO65542:CTS65544 CJS65542:CJW65544 BZW65542:CAA65544 BQA65542:BQE65544 BGE65542:BGI65544 AWI65542:AWM65544 AMM65542:AMQ65544 ACQ65542:ACU65544 SU65542:SY65544 IY65542:JC65544 I65542:M65544 WVK983041:WVK983043 WLO983041:WLO983043 WBS983041:WBS983043 VRW983041:VRW983043 VIA983041:VIA983043 UYE983041:UYE983043 UOI983041:UOI983043 UEM983041:UEM983043 TUQ983041:TUQ983043 TKU983041:TKU983043 TAY983041:TAY983043 SRC983041:SRC983043 SHG983041:SHG983043 RXK983041:RXK983043 RNO983041:RNO983043 RDS983041:RDS983043 QTW983041:QTW983043 QKA983041:QKA983043 QAE983041:QAE983043 PQI983041:PQI983043 PGM983041:PGM983043 OWQ983041:OWQ983043 OMU983041:OMU983043 OCY983041:OCY983043 NTC983041:NTC983043 NJG983041:NJG983043 MZK983041:MZK983043 MPO983041:MPO983043 MFS983041:MFS983043 LVW983041:LVW983043 LMA983041:LMA983043 LCE983041:LCE983043 KSI983041:KSI983043 KIM983041:KIM983043 JYQ983041:JYQ983043 JOU983041:JOU983043 JEY983041:JEY983043 IVC983041:IVC983043 ILG983041:ILG983043 IBK983041:IBK983043 HRO983041:HRO983043 HHS983041:HHS983043 GXW983041:GXW983043 GOA983041:GOA983043 GEE983041:GEE983043 FUI983041:FUI983043 FKM983041:FKM983043 FAQ983041:FAQ983043 EQU983041:EQU983043 EGY983041:EGY983043 DXC983041:DXC983043 DNG983041:DNG983043 DDK983041:DDK983043 CTO983041:CTO983043 CJS983041:CJS983043 BZW983041:BZW983043 BQA983041:BQA983043 BGE983041:BGE983043 AWI983041:AWI983043 AMM983041:AMM983043 ACQ983041:ACQ983043 SU983041:SU983043 IY983041:IY983043 I983041:I983043 WVK917505:WVK917507 WLO917505:WLO917507 WBS917505:WBS917507 VRW917505:VRW917507 VIA917505:VIA917507 UYE917505:UYE917507 UOI917505:UOI917507 UEM917505:UEM917507 TUQ917505:TUQ917507 TKU917505:TKU917507 TAY917505:TAY917507 SRC917505:SRC917507 SHG917505:SHG917507 RXK917505:RXK917507 RNO917505:RNO917507 RDS917505:RDS917507 QTW917505:QTW917507 QKA917505:QKA917507 QAE917505:QAE917507 PQI917505:PQI917507 PGM917505:PGM917507 OWQ917505:OWQ917507 OMU917505:OMU917507 OCY917505:OCY917507 NTC917505:NTC917507 NJG917505:NJG917507 MZK917505:MZK917507 MPO917505:MPO917507 MFS917505:MFS917507 LVW917505:LVW917507 LMA917505:LMA917507 LCE917505:LCE917507 KSI917505:KSI917507 KIM917505:KIM917507 JYQ917505:JYQ917507 JOU917505:JOU917507 JEY917505:JEY917507 IVC917505:IVC917507 ILG917505:ILG917507 IBK917505:IBK917507 HRO917505:HRO917507 HHS917505:HHS917507 GXW917505:GXW917507 GOA917505:GOA917507 GEE917505:GEE917507 FUI917505:FUI917507 FKM917505:FKM917507 FAQ917505:FAQ917507 EQU917505:EQU917507 EGY917505:EGY917507 DXC917505:DXC917507 DNG917505:DNG917507 DDK917505:DDK917507 CTO917505:CTO917507 CJS917505:CJS917507 BZW917505:BZW917507 BQA917505:BQA917507 BGE917505:BGE917507 AWI917505:AWI917507 AMM917505:AMM917507 ACQ917505:ACQ917507 SU917505:SU917507 IY917505:IY917507 I917505:I917507 WVK851969:WVK851971 WLO851969:WLO851971 WBS851969:WBS851971 VRW851969:VRW851971 VIA851969:VIA851971 UYE851969:UYE851971 UOI851969:UOI851971 UEM851969:UEM851971 TUQ851969:TUQ851971 TKU851969:TKU851971 TAY851969:TAY851971 SRC851969:SRC851971 SHG851969:SHG851971 RXK851969:RXK851971 RNO851969:RNO851971 RDS851969:RDS851971 QTW851969:QTW851971 QKA851969:QKA851971 QAE851969:QAE851971 PQI851969:PQI851971 PGM851969:PGM851971 OWQ851969:OWQ851971 OMU851969:OMU851971 OCY851969:OCY851971 NTC851969:NTC851971 NJG851969:NJG851971 MZK851969:MZK851971 MPO851969:MPO851971 MFS851969:MFS851971 LVW851969:LVW851971 LMA851969:LMA851971 LCE851969:LCE851971 KSI851969:KSI851971 KIM851969:KIM851971 JYQ851969:JYQ851971 JOU851969:JOU851971 JEY851969:JEY851971 IVC851969:IVC851971 ILG851969:ILG851971 IBK851969:IBK851971 HRO851969:HRO851971 HHS851969:HHS851971 GXW851969:GXW851971 GOA851969:GOA851971 GEE851969:GEE851971 FUI851969:FUI851971 FKM851969:FKM851971 FAQ851969:FAQ851971 EQU851969:EQU851971 EGY851969:EGY851971 DXC851969:DXC851971 DNG851969:DNG851971 DDK851969:DDK851971 CTO851969:CTO851971 CJS851969:CJS851971 BZW851969:BZW851971 BQA851969:BQA851971 BGE851969:BGE851971 AWI851969:AWI851971 AMM851969:AMM851971 ACQ851969:ACQ851971 SU851969:SU851971 IY851969:IY851971 I851969:I851971 WVK786433:WVK786435 WLO786433:WLO786435 WBS786433:WBS786435 VRW786433:VRW786435 VIA786433:VIA786435 UYE786433:UYE786435 UOI786433:UOI786435 UEM786433:UEM786435 TUQ786433:TUQ786435 TKU786433:TKU786435 TAY786433:TAY786435 SRC786433:SRC786435 SHG786433:SHG786435 RXK786433:RXK786435 RNO786433:RNO786435 RDS786433:RDS786435 QTW786433:QTW786435 QKA786433:QKA786435 QAE786433:QAE786435 PQI786433:PQI786435 PGM786433:PGM786435 OWQ786433:OWQ786435 OMU786433:OMU786435 OCY786433:OCY786435 NTC786433:NTC786435 NJG786433:NJG786435 MZK786433:MZK786435 MPO786433:MPO786435 MFS786433:MFS786435 LVW786433:LVW786435 LMA786433:LMA786435 LCE786433:LCE786435 KSI786433:KSI786435 KIM786433:KIM786435 JYQ786433:JYQ786435 JOU786433:JOU786435 JEY786433:JEY786435 IVC786433:IVC786435 ILG786433:ILG786435 IBK786433:IBK786435 HRO786433:HRO786435 HHS786433:HHS786435 GXW786433:GXW786435 GOA786433:GOA786435 GEE786433:GEE786435 FUI786433:FUI786435 FKM786433:FKM786435 FAQ786433:FAQ786435 EQU786433:EQU786435 EGY786433:EGY786435 DXC786433:DXC786435 DNG786433:DNG786435 DDK786433:DDK786435 CTO786433:CTO786435 CJS786433:CJS786435 BZW786433:BZW786435 BQA786433:BQA786435 BGE786433:BGE786435 AWI786433:AWI786435 AMM786433:AMM786435 ACQ786433:ACQ786435 SU786433:SU786435 IY786433:IY786435 I786433:I786435 WVK720897:WVK720899 WLO720897:WLO720899 WBS720897:WBS720899 VRW720897:VRW720899 VIA720897:VIA720899 UYE720897:UYE720899 UOI720897:UOI720899 UEM720897:UEM720899 TUQ720897:TUQ720899 TKU720897:TKU720899 TAY720897:TAY720899 SRC720897:SRC720899 SHG720897:SHG720899 RXK720897:RXK720899 RNO720897:RNO720899 RDS720897:RDS720899 QTW720897:QTW720899 QKA720897:QKA720899 QAE720897:QAE720899 PQI720897:PQI720899 PGM720897:PGM720899 OWQ720897:OWQ720899 OMU720897:OMU720899 OCY720897:OCY720899 NTC720897:NTC720899 NJG720897:NJG720899 MZK720897:MZK720899 MPO720897:MPO720899 MFS720897:MFS720899 LVW720897:LVW720899 LMA720897:LMA720899 LCE720897:LCE720899 KSI720897:KSI720899 KIM720897:KIM720899 JYQ720897:JYQ720899 JOU720897:JOU720899 JEY720897:JEY720899 IVC720897:IVC720899 ILG720897:ILG720899 IBK720897:IBK720899 HRO720897:HRO720899 HHS720897:HHS720899 GXW720897:GXW720899 GOA720897:GOA720899 GEE720897:GEE720899 FUI720897:FUI720899 FKM720897:FKM720899 FAQ720897:FAQ720899 EQU720897:EQU720899 EGY720897:EGY720899 DXC720897:DXC720899 DNG720897:DNG720899 DDK720897:DDK720899 CTO720897:CTO720899 CJS720897:CJS720899 BZW720897:BZW720899 BQA720897:BQA720899 BGE720897:BGE720899 AWI720897:AWI720899 AMM720897:AMM720899 ACQ720897:ACQ720899 SU720897:SU720899 IY720897:IY720899 I720897:I720899 WVK655361:WVK655363 WLO655361:WLO655363 WBS655361:WBS655363 VRW655361:VRW655363 VIA655361:VIA655363 UYE655361:UYE655363 UOI655361:UOI655363 UEM655361:UEM655363 TUQ655361:TUQ655363 TKU655361:TKU655363 TAY655361:TAY655363 SRC655361:SRC655363 SHG655361:SHG655363 RXK655361:RXK655363 RNO655361:RNO655363 RDS655361:RDS655363 QTW655361:QTW655363 QKA655361:QKA655363 QAE655361:QAE655363 PQI655361:PQI655363 PGM655361:PGM655363 OWQ655361:OWQ655363 OMU655361:OMU655363 OCY655361:OCY655363 NTC655361:NTC655363 NJG655361:NJG655363 MZK655361:MZK655363 MPO655361:MPO655363 MFS655361:MFS655363 LVW655361:LVW655363 LMA655361:LMA655363 LCE655361:LCE655363 KSI655361:KSI655363 KIM655361:KIM655363 JYQ655361:JYQ655363 JOU655361:JOU655363 JEY655361:JEY655363 IVC655361:IVC655363 ILG655361:ILG655363 IBK655361:IBK655363 HRO655361:HRO655363 HHS655361:HHS655363 GXW655361:GXW655363 GOA655361:GOA655363 GEE655361:GEE655363 FUI655361:FUI655363 FKM655361:FKM655363 FAQ655361:FAQ655363 EQU655361:EQU655363 EGY655361:EGY655363 DXC655361:DXC655363 DNG655361:DNG655363 DDK655361:DDK655363 CTO655361:CTO655363 CJS655361:CJS655363 BZW655361:BZW655363 BQA655361:BQA655363 BGE655361:BGE655363 AWI655361:AWI655363 AMM655361:AMM655363 ACQ655361:ACQ655363 SU655361:SU655363 IY655361:IY655363 I655361:I655363 WVK589825:WVK589827 WLO589825:WLO589827 WBS589825:WBS589827 VRW589825:VRW589827 VIA589825:VIA589827 UYE589825:UYE589827 UOI589825:UOI589827 UEM589825:UEM589827 TUQ589825:TUQ589827 TKU589825:TKU589827 TAY589825:TAY589827 SRC589825:SRC589827 SHG589825:SHG589827 RXK589825:RXK589827 RNO589825:RNO589827 RDS589825:RDS589827 QTW589825:QTW589827 QKA589825:QKA589827 QAE589825:QAE589827 PQI589825:PQI589827 PGM589825:PGM589827 OWQ589825:OWQ589827 OMU589825:OMU589827 OCY589825:OCY589827 NTC589825:NTC589827 NJG589825:NJG589827 MZK589825:MZK589827 MPO589825:MPO589827 MFS589825:MFS589827 LVW589825:LVW589827 LMA589825:LMA589827 LCE589825:LCE589827 KSI589825:KSI589827 KIM589825:KIM589827 JYQ589825:JYQ589827 JOU589825:JOU589827 JEY589825:JEY589827 IVC589825:IVC589827 ILG589825:ILG589827 IBK589825:IBK589827 HRO589825:HRO589827 HHS589825:HHS589827 GXW589825:GXW589827 GOA589825:GOA589827 GEE589825:GEE589827 FUI589825:FUI589827 FKM589825:FKM589827 FAQ589825:FAQ589827 EQU589825:EQU589827 EGY589825:EGY589827 DXC589825:DXC589827 DNG589825:DNG589827 DDK589825:DDK589827 CTO589825:CTO589827 CJS589825:CJS589827 BZW589825:BZW589827 BQA589825:BQA589827 BGE589825:BGE589827 AWI589825:AWI589827 AMM589825:AMM589827 ACQ589825:ACQ589827 SU589825:SU589827 IY589825:IY589827 I589825:I589827 WVK524289:WVK524291 WLO524289:WLO524291 WBS524289:WBS524291 VRW524289:VRW524291 VIA524289:VIA524291 UYE524289:UYE524291 UOI524289:UOI524291 UEM524289:UEM524291 TUQ524289:TUQ524291 TKU524289:TKU524291 TAY524289:TAY524291 SRC524289:SRC524291 SHG524289:SHG524291 RXK524289:RXK524291 RNO524289:RNO524291 RDS524289:RDS524291 QTW524289:QTW524291 QKA524289:QKA524291 QAE524289:QAE524291 PQI524289:PQI524291 PGM524289:PGM524291 OWQ524289:OWQ524291 OMU524289:OMU524291 OCY524289:OCY524291 NTC524289:NTC524291 NJG524289:NJG524291 MZK524289:MZK524291 MPO524289:MPO524291 MFS524289:MFS524291 LVW524289:LVW524291 LMA524289:LMA524291 LCE524289:LCE524291 KSI524289:KSI524291 KIM524289:KIM524291 JYQ524289:JYQ524291 JOU524289:JOU524291 JEY524289:JEY524291 IVC524289:IVC524291 ILG524289:ILG524291 IBK524289:IBK524291 HRO524289:HRO524291 HHS524289:HHS524291 GXW524289:GXW524291 GOA524289:GOA524291 GEE524289:GEE524291 FUI524289:FUI524291 FKM524289:FKM524291 FAQ524289:FAQ524291 EQU524289:EQU524291 EGY524289:EGY524291 DXC524289:DXC524291 DNG524289:DNG524291 DDK524289:DDK524291 CTO524289:CTO524291 CJS524289:CJS524291 BZW524289:BZW524291 BQA524289:BQA524291 BGE524289:BGE524291 AWI524289:AWI524291 AMM524289:AMM524291 ACQ524289:ACQ524291 SU524289:SU524291 IY524289:IY524291 I524289:I524291 WVK458753:WVK458755 WLO458753:WLO458755 WBS458753:WBS458755 VRW458753:VRW458755 VIA458753:VIA458755 UYE458753:UYE458755 UOI458753:UOI458755 UEM458753:UEM458755 TUQ458753:TUQ458755 TKU458753:TKU458755 TAY458753:TAY458755 SRC458753:SRC458755 SHG458753:SHG458755 RXK458753:RXK458755 RNO458753:RNO458755 RDS458753:RDS458755 QTW458753:QTW458755 QKA458753:QKA458755 QAE458753:QAE458755 PQI458753:PQI458755 PGM458753:PGM458755 OWQ458753:OWQ458755 OMU458753:OMU458755 OCY458753:OCY458755 NTC458753:NTC458755 NJG458753:NJG458755 MZK458753:MZK458755 MPO458753:MPO458755 MFS458753:MFS458755 LVW458753:LVW458755 LMA458753:LMA458755 LCE458753:LCE458755 KSI458753:KSI458755 KIM458753:KIM458755 JYQ458753:JYQ458755 JOU458753:JOU458755 JEY458753:JEY458755 IVC458753:IVC458755 ILG458753:ILG458755 IBK458753:IBK458755 HRO458753:HRO458755 HHS458753:HHS458755 GXW458753:GXW458755 GOA458753:GOA458755 GEE458753:GEE458755 FUI458753:FUI458755 FKM458753:FKM458755 FAQ458753:FAQ458755 EQU458753:EQU458755 EGY458753:EGY458755 DXC458753:DXC458755 DNG458753:DNG458755 DDK458753:DDK458755 CTO458753:CTO458755 CJS458753:CJS458755 BZW458753:BZW458755 BQA458753:BQA458755 BGE458753:BGE458755 AWI458753:AWI458755 AMM458753:AMM458755 ACQ458753:ACQ458755 SU458753:SU458755 IY458753:IY458755 I458753:I458755 WVK393217:WVK393219 WLO393217:WLO393219 WBS393217:WBS393219 VRW393217:VRW393219 VIA393217:VIA393219 UYE393217:UYE393219 UOI393217:UOI393219 UEM393217:UEM393219 TUQ393217:TUQ393219 TKU393217:TKU393219 TAY393217:TAY393219 SRC393217:SRC393219 SHG393217:SHG393219 RXK393217:RXK393219 RNO393217:RNO393219 RDS393217:RDS393219 QTW393217:QTW393219 QKA393217:QKA393219 QAE393217:QAE393219 PQI393217:PQI393219 PGM393217:PGM393219 OWQ393217:OWQ393219 OMU393217:OMU393219 OCY393217:OCY393219 NTC393217:NTC393219 NJG393217:NJG393219 MZK393217:MZK393219 MPO393217:MPO393219 MFS393217:MFS393219 LVW393217:LVW393219 LMA393217:LMA393219 LCE393217:LCE393219 KSI393217:KSI393219 KIM393217:KIM393219 JYQ393217:JYQ393219 JOU393217:JOU393219 JEY393217:JEY393219 IVC393217:IVC393219 ILG393217:ILG393219 IBK393217:IBK393219 HRO393217:HRO393219 HHS393217:HHS393219 GXW393217:GXW393219 GOA393217:GOA393219 GEE393217:GEE393219 FUI393217:FUI393219 FKM393217:FKM393219 FAQ393217:FAQ393219 EQU393217:EQU393219 EGY393217:EGY393219 DXC393217:DXC393219 DNG393217:DNG393219 DDK393217:DDK393219 CTO393217:CTO393219 CJS393217:CJS393219 BZW393217:BZW393219 BQA393217:BQA393219 BGE393217:BGE393219 AWI393217:AWI393219 AMM393217:AMM393219 ACQ393217:ACQ393219 SU393217:SU393219 IY393217:IY393219 I393217:I393219 WVK327681:WVK327683 WLO327681:WLO327683 WBS327681:WBS327683 VRW327681:VRW327683 VIA327681:VIA327683 UYE327681:UYE327683 UOI327681:UOI327683 UEM327681:UEM327683 TUQ327681:TUQ327683 TKU327681:TKU327683 TAY327681:TAY327683 SRC327681:SRC327683 SHG327681:SHG327683 RXK327681:RXK327683 RNO327681:RNO327683 RDS327681:RDS327683 QTW327681:QTW327683 QKA327681:QKA327683 QAE327681:QAE327683 PQI327681:PQI327683 PGM327681:PGM327683 OWQ327681:OWQ327683 OMU327681:OMU327683 OCY327681:OCY327683 NTC327681:NTC327683 NJG327681:NJG327683 MZK327681:MZK327683 MPO327681:MPO327683 MFS327681:MFS327683 LVW327681:LVW327683 LMA327681:LMA327683 LCE327681:LCE327683 KSI327681:KSI327683 KIM327681:KIM327683 JYQ327681:JYQ327683 JOU327681:JOU327683 JEY327681:JEY327683 IVC327681:IVC327683 ILG327681:ILG327683 IBK327681:IBK327683 HRO327681:HRO327683 HHS327681:HHS327683 GXW327681:GXW327683 GOA327681:GOA327683 GEE327681:GEE327683 FUI327681:FUI327683 FKM327681:FKM327683 FAQ327681:FAQ327683 EQU327681:EQU327683 EGY327681:EGY327683 DXC327681:DXC327683 DNG327681:DNG327683 DDK327681:DDK327683 CTO327681:CTO327683 CJS327681:CJS327683 BZW327681:BZW327683 BQA327681:BQA327683 BGE327681:BGE327683 AWI327681:AWI327683 AMM327681:AMM327683 ACQ327681:ACQ327683 SU327681:SU327683 IY327681:IY327683 I327681:I327683 WVK262145:WVK262147 WLO262145:WLO262147 WBS262145:WBS262147 VRW262145:VRW262147 VIA262145:VIA262147 UYE262145:UYE262147 UOI262145:UOI262147 UEM262145:UEM262147 TUQ262145:TUQ262147 TKU262145:TKU262147 TAY262145:TAY262147 SRC262145:SRC262147 SHG262145:SHG262147 RXK262145:RXK262147 RNO262145:RNO262147 RDS262145:RDS262147 QTW262145:QTW262147 QKA262145:QKA262147 QAE262145:QAE262147 PQI262145:PQI262147 PGM262145:PGM262147 OWQ262145:OWQ262147 OMU262145:OMU262147 OCY262145:OCY262147 NTC262145:NTC262147 NJG262145:NJG262147 MZK262145:MZK262147 MPO262145:MPO262147 MFS262145:MFS262147 LVW262145:LVW262147 LMA262145:LMA262147 LCE262145:LCE262147 KSI262145:KSI262147 KIM262145:KIM262147 JYQ262145:JYQ262147 JOU262145:JOU262147 JEY262145:JEY262147 IVC262145:IVC262147 ILG262145:ILG262147 IBK262145:IBK262147 HRO262145:HRO262147 HHS262145:HHS262147 GXW262145:GXW262147 GOA262145:GOA262147 GEE262145:GEE262147 FUI262145:FUI262147 FKM262145:FKM262147 FAQ262145:FAQ262147 EQU262145:EQU262147 EGY262145:EGY262147 DXC262145:DXC262147 DNG262145:DNG262147 DDK262145:DDK262147 CTO262145:CTO262147 CJS262145:CJS262147 BZW262145:BZW262147 BQA262145:BQA262147 BGE262145:BGE262147 AWI262145:AWI262147 AMM262145:AMM262147 ACQ262145:ACQ262147 SU262145:SU262147 IY262145:IY262147 I262145:I262147 WVK196609:WVK196611 WLO196609:WLO196611 WBS196609:WBS196611 VRW196609:VRW196611 VIA196609:VIA196611 UYE196609:UYE196611 UOI196609:UOI196611 UEM196609:UEM196611 TUQ196609:TUQ196611 TKU196609:TKU196611 TAY196609:TAY196611 SRC196609:SRC196611 SHG196609:SHG196611 RXK196609:RXK196611 RNO196609:RNO196611 RDS196609:RDS196611 QTW196609:QTW196611 QKA196609:QKA196611 QAE196609:QAE196611 PQI196609:PQI196611 PGM196609:PGM196611 OWQ196609:OWQ196611 OMU196609:OMU196611 OCY196609:OCY196611 NTC196609:NTC196611 NJG196609:NJG196611 MZK196609:MZK196611 MPO196609:MPO196611 MFS196609:MFS196611 LVW196609:LVW196611 LMA196609:LMA196611 LCE196609:LCE196611 KSI196609:KSI196611 KIM196609:KIM196611 JYQ196609:JYQ196611 JOU196609:JOU196611 JEY196609:JEY196611 IVC196609:IVC196611 ILG196609:ILG196611 IBK196609:IBK196611 HRO196609:HRO196611 HHS196609:HHS196611 GXW196609:GXW196611 GOA196609:GOA196611 GEE196609:GEE196611 FUI196609:FUI196611 FKM196609:FKM196611 FAQ196609:FAQ196611 EQU196609:EQU196611 EGY196609:EGY196611 DXC196609:DXC196611 DNG196609:DNG196611 DDK196609:DDK196611 CTO196609:CTO196611 CJS196609:CJS196611 BZW196609:BZW196611 BQA196609:BQA196611 BGE196609:BGE196611 AWI196609:AWI196611 AMM196609:AMM196611 ACQ196609:ACQ196611 SU196609:SU196611 IY196609:IY196611 I196609:I196611 WVK131073:WVK131075 WLO131073:WLO131075 WBS131073:WBS131075 VRW131073:VRW131075 VIA131073:VIA131075 UYE131073:UYE131075 UOI131073:UOI131075 UEM131073:UEM131075 TUQ131073:TUQ131075 TKU131073:TKU131075 TAY131073:TAY131075 SRC131073:SRC131075 SHG131073:SHG131075 RXK131073:RXK131075 RNO131073:RNO131075 RDS131073:RDS131075 QTW131073:QTW131075 QKA131073:QKA131075 QAE131073:QAE131075 PQI131073:PQI131075 PGM131073:PGM131075 OWQ131073:OWQ131075 OMU131073:OMU131075 OCY131073:OCY131075 NTC131073:NTC131075 NJG131073:NJG131075 MZK131073:MZK131075 MPO131073:MPO131075 MFS131073:MFS131075 LVW131073:LVW131075 LMA131073:LMA131075 LCE131073:LCE131075 KSI131073:KSI131075 KIM131073:KIM131075 JYQ131073:JYQ131075 JOU131073:JOU131075 JEY131073:JEY131075 IVC131073:IVC131075 ILG131073:ILG131075 IBK131073:IBK131075 HRO131073:HRO131075 HHS131073:HHS131075 GXW131073:GXW131075 GOA131073:GOA131075 GEE131073:GEE131075 FUI131073:FUI131075 FKM131073:FKM131075 FAQ131073:FAQ131075 EQU131073:EQU131075 EGY131073:EGY131075 DXC131073:DXC131075 DNG131073:DNG131075 DDK131073:DDK131075 CTO131073:CTO131075 CJS131073:CJS131075 BZW131073:BZW131075 BQA131073:BQA131075 BGE131073:BGE131075 AWI131073:AWI131075 AMM131073:AMM131075 ACQ131073:ACQ131075 SU131073:SU131075 IY131073:IY131075 I131073:I131075 WVK65537:WVK65539 WLO65537:WLO65539 WBS65537:WBS65539 VRW65537:VRW65539 VIA65537:VIA65539 UYE65537:UYE65539 UOI65537:UOI65539 UEM65537:UEM65539 TUQ65537:TUQ65539 TKU65537:TKU65539 TAY65537:TAY65539 SRC65537:SRC65539 SHG65537:SHG65539 RXK65537:RXK65539 RNO65537:RNO65539 RDS65537:RDS65539 QTW65537:QTW65539 QKA65537:QKA65539 QAE65537:QAE65539 PQI65537:PQI65539 PGM65537:PGM65539 OWQ65537:OWQ65539 OMU65537:OMU65539 OCY65537:OCY65539 NTC65537:NTC65539 NJG65537:NJG65539 MZK65537:MZK65539 MPO65537:MPO65539 MFS65537:MFS65539 LVW65537:LVW65539 LMA65537:LMA65539 LCE65537:LCE65539 KSI65537:KSI65539 KIM65537:KIM65539 JYQ65537:JYQ65539 JOU65537:JOU65539 JEY65537:JEY65539 IVC65537:IVC65539 ILG65537:ILG65539 IBK65537:IBK65539 HRO65537:HRO65539 HHS65537:HHS65539 GXW65537:GXW65539 GOA65537:GOA65539 GEE65537:GEE65539 FUI65537:FUI65539 FKM65537:FKM65539 FAQ65537:FAQ65539 EQU65537:EQU65539 EGY65537:EGY65539 DXC65537:DXC65539 DNG65537:DNG65539 DDK65537:DDK65539 CTO65537:CTO65539 CJS65537:CJS65539 BZW65537:BZW65539 BQA65537:BQA65539 BGE65537:BGE65539 AWI65537:AWI65539 AMM65537:AMM65539 ACQ65537:ACQ65539 SU65537:SU65539 IY65537:IY65539 I65537:I65539 WVL983042:WVO983043 WLP983042:WLS983043 WBT983042:WBW983043 VRX983042:VSA983043 VIB983042:VIE983043 UYF983042:UYI983043 UOJ983042:UOM983043 UEN983042:UEQ983043 TUR983042:TUU983043 TKV983042:TKY983043 TAZ983042:TBC983043 SRD983042:SRG983043 SHH983042:SHK983043 RXL983042:RXO983043 RNP983042:RNS983043 RDT983042:RDW983043 QTX983042:QUA983043 QKB983042:QKE983043 QAF983042:QAI983043 PQJ983042:PQM983043 PGN983042:PGQ983043 OWR983042:OWU983043 OMV983042:OMY983043 OCZ983042:ODC983043 NTD983042:NTG983043 NJH983042:NJK983043 MZL983042:MZO983043 MPP983042:MPS983043 MFT983042:MFW983043 LVX983042:LWA983043 LMB983042:LME983043 LCF983042:LCI983043 KSJ983042:KSM983043 KIN983042:KIQ983043 JYR983042:JYU983043 JOV983042:JOY983043 JEZ983042:JFC983043 IVD983042:IVG983043 ILH983042:ILK983043 IBL983042:IBO983043 HRP983042:HRS983043 HHT983042:HHW983043 GXX983042:GYA983043 GOB983042:GOE983043 GEF983042:GEI983043 FUJ983042:FUM983043 FKN983042:FKQ983043 FAR983042:FAU983043 EQV983042:EQY983043 EGZ983042:EHC983043 DXD983042:DXG983043 DNH983042:DNK983043 DDL983042:DDO983043 CTP983042:CTS983043 CJT983042:CJW983043 BZX983042:CAA983043 BQB983042:BQE983043 BGF983042:BGI983043 AWJ983042:AWM983043 AMN983042:AMQ983043 ACR983042:ACU983043 SV983042:SY983043 IZ983042:JC983043 J983042:M983043 WVL917506:WVO917507 WLP917506:WLS917507 WBT917506:WBW917507 VRX917506:VSA917507 VIB917506:VIE917507 UYF917506:UYI917507 UOJ917506:UOM917507 UEN917506:UEQ917507 TUR917506:TUU917507 TKV917506:TKY917507 TAZ917506:TBC917507 SRD917506:SRG917507 SHH917506:SHK917507 RXL917506:RXO917507 RNP917506:RNS917507 RDT917506:RDW917507 QTX917506:QUA917507 QKB917506:QKE917507 QAF917506:QAI917507 PQJ917506:PQM917507 PGN917506:PGQ917507 OWR917506:OWU917507 OMV917506:OMY917507 OCZ917506:ODC917507 NTD917506:NTG917507 NJH917506:NJK917507 MZL917506:MZO917507 MPP917506:MPS917507 MFT917506:MFW917507 LVX917506:LWA917507 LMB917506:LME917507 LCF917506:LCI917507 KSJ917506:KSM917507 KIN917506:KIQ917507 JYR917506:JYU917507 JOV917506:JOY917507 JEZ917506:JFC917507 IVD917506:IVG917507 ILH917506:ILK917507 IBL917506:IBO917507 HRP917506:HRS917507 HHT917506:HHW917507 GXX917506:GYA917507 GOB917506:GOE917507 GEF917506:GEI917507 FUJ917506:FUM917507 FKN917506:FKQ917507 FAR917506:FAU917507 EQV917506:EQY917507 EGZ917506:EHC917507 DXD917506:DXG917507 DNH917506:DNK917507 DDL917506:DDO917507 CTP917506:CTS917507 CJT917506:CJW917507 BZX917506:CAA917507 BQB917506:BQE917507 BGF917506:BGI917507 AWJ917506:AWM917507 AMN917506:AMQ917507 ACR917506:ACU917507 SV917506:SY917507 IZ917506:JC917507 J917506:M917507 WVL851970:WVO851971 WLP851970:WLS851971 WBT851970:WBW851971 VRX851970:VSA851971 VIB851970:VIE851971 UYF851970:UYI851971 UOJ851970:UOM851971 UEN851970:UEQ851971 TUR851970:TUU851971 TKV851970:TKY851971 TAZ851970:TBC851971 SRD851970:SRG851971 SHH851970:SHK851971 RXL851970:RXO851971 RNP851970:RNS851971 RDT851970:RDW851971 QTX851970:QUA851971 QKB851970:QKE851971 QAF851970:QAI851971 PQJ851970:PQM851971 PGN851970:PGQ851971 OWR851970:OWU851971 OMV851970:OMY851971 OCZ851970:ODC851971 NTD851970:NTG851971 NJH851970:NJK851971 MZL851970:MZO851971 MPP851970:MPS851971 MFT851970:MFW851971 LVX851970:LWA851971 LMB851970:LME851971 LCF851970:LCI851971 KSJ851970:KSM851971 KIN851970:KIQ851971 JYR851970:JYU851971 JOV851970:JOY851971 JEZ851970:JFC851971 IVD851970:IVG851971 ILH851970:ILK851971 IBL851970:IBO851971 HRP851970:HRS851971 HHT851970:HHW851971 GXX851970:GYA851971 GOB851970:GOE851971 GEF851970:GEI851971 FUJ851970:FUM851971 FKN851970:FKQ851971 FAR851970:FAU851971 EQV851970:EQY851971 EGZ851970:EHC851971 DXD851970:DXG851971 DNH851970:DNK851971 DDL851970:DDO851971 CTP851970:CTS851971 CJT851970:CJW851971 BZX851970:CAA851971 BQB851970:BQE851971 BGF851970:BGI851971 AWJ851970:AWM851971 AMN851970:AMQ851971 ACR851970:ACU851971 SV851970:SY851971 IZ851970:JC851971 J851970:M851971 WVL786434:WVO786435 WLP786434:WLS786435 WBT786434:WBW786435 VRX786434:VSA786435 VIB786434:VIE786435 UYF786434:UYI786435 UOJ786434:UOM786435 UEN786434:UEQ786435 TUR786434:TUU786435 TKV786434:TKY786435 TAZ786434:TBC786435 SRD786434:SRG786435 SHH786434:SHK786435 RXL786434:RXO786435 RNP786434:RNS786435 RDT786434:RDW786435 QTX786434:QUA786435 QKB786434:QKE786435 QAF786434:QAI786435 PQJ786434:PQM786435 PGN786434:PGQ786435 OWR786434:OWU786435 OMV786434:OMY786435 OCZ786434:ODC786435 NTD786434:NTG786435 NJH786434:NJK786435 MZL786434:MZO786435 MPP786434:MPS786435 MFT786434:MFW786435 LVX786434:LWA786435 LMB786434:LME786435 LCF786434:LCI786435 KSJ786434:KSM786435 KIN786434:KIQ786435 JYR786434:JYU786435 JOV786434:JOY786435 JEZ786434:JFC786435 IVD786434:IVG786435 ILH786434:ILK786435 IBL786434:IBO786435 HRP786434:HRS786435 HHT786434:HHW786435 GXX786434:GYA786435 GOB786434:GOE786435 GEF786434:GEI786435 FUJ786434:FUM786435 FKN786434:FKQ786435 FAR786434:FAU786435 EQV786434:EQY786435 EGZ786434:EHC786435 DXD786434:DXG786435 DNH786434:DNK786435 DDL786434:DDO786435 CTP786434:CTS786435 CJT786434:CJW786435 BZX786434:CAA786435 BQB786434:BQE786435 BGF786434:BGI786435 AWJ786434:AWM786435 AMN786434:AMQ786435 ACR786434:ACU786435 SV786434:SY786435 IZ786434:JC786435 J786434:M786435 WVL720898:WVO720899 WLP720898:WLS720899 WBT720898:WBW720899 VRX720898:VSA720899 VIB720898:VIE720899 UYF720898:UYI720899 UOJ720898:UOM720899 UEN720898:UEQ720899 TUR720898:TUU720899 TKV720898:TKY720899 TAZ720898:TBC720899 SRD720898:SRG720899 SHH720898:SHK720899 RXL720898:RXO720899 RNP720898:RNS720899 RDT720898:RDW720899 QTX720898:QUA720899 QKB720898:QKE720899 QAF720898:QAI720899 PQJ720898:PQM720899 PGN720898:PGQ720899 OWR720898:OWU720899 OMV720898:OMY720899 OCZ720898:ODC720899 NTD720898:NTG720899 NJH720898:NJK720899 MZL720898:MZO720899 MPP720898:MPS720899 MFT720898:MFW720899 LVX720898:LWA720899 LMB720898:LME720899 LCF720898:LCI720899 KSJ720898:KSM720899 KIN720898:KIQ720899 JYR720898:JYU720899 JOV720898:JOY720899 JEZ720898:JFC720899 IVD720898:IVG720899 ILH720898:ILK720899 IBL720898:IBO720899 HRP720898:HRS720899 HHT720898:HHW720899 GXX720898:GYA720899 GOB720898:GOE720899 GEF720898:GEI720899 FUJ720898:FUM720899 FKN720898:FKQ720899 FAR720898:FAU720899 EQV720898:EQY720899 EGZ720898:EHC720899 DXD720898:DXG720899 DNH720898:DNK720899 DDL720898:DDO720899 CTP720898:CTS720899 CJT720898:CJW720899 BZX720898:CAA720899 BQB720898:BQE720899 BGF720898:BGI720899 AWJ720898:AWM720899 AMN720898:AMQ720899 ACR720898:ACU720899 SV720898:SY720899 IZ720898:JC720899 J720898:M720899 WVL655362:WVO655363 WLP655362:WLS655363 WBT655362:WBW655363 VRX655362:VSA655363 VIB655362:VIE655363 UYF655362:UYI655363 UOJ655362:UOM655363 UEN655362:UEQ655363 TUR655362:TUU655363 TKV655362:TKY655363 TAZ655362:TBC655363 SRD655362:SRG655363 SHH655362:SHK655363 RXL655362:RXO655363 RNP655362:RNS655363 RDT655362:RDW655363 QTX655362:QUA655363 QKB655362:QKE655363 QAF655362:QAI655363 PQJ655362:PQM655363 PGN655362:PGQ655363 OWR655362:OWU655363 OMV655362:OMY655363 OCZ655362:ODC655363 NTD655362:NTG655363 NJH655362:NJK655363 MZL655362:MZO655363 MPP655362:MPS655363 MFT655362:MFW655363 LVX655362:LWA655363 LMB655362:LME655363 LCF655362:LCI655363 KSJ655362:KSM655363 KIN655362:KIQ655363 JYR655362:JYU655363 JOV655362:JOY655363 JEZ655362:JFC655363 IVD655362:IVG655363 ILH655362:ILK655363 IBL655362:IBO655363 HRP655362:HRS655363 HHT655362:HHW655363 GXX655362:GYA655363 GOB655362:GOE655363 GEF655362:GEI655363 FUJ655362:FUM655363 FKN655362:FKQ655363 FAR655362:FAU655363 EQV655362:EQY655363 EGZ655362:EHC655363 DXD655362:DXG655363 DNH655362:DNK655363 DDL655362:DDO655363 CTP655362:CTS655363 CJT655362:CJW655363 BZX655362:CAA655363 BQB655362:BQE655363 BGF655362:BGI655363 AWJ655362:AWM655363 AMN655362:AMQ655363 ACR655362:ACU655363 SV655362:SY655363 IZ655362:JC655363 J655362:M655363 WVL589826:WVO589827 WLP589826:WLS589827 WBT589826:WBW589827 VRX589826:VSA589827 VIB589826:VIE589827 UYF589826:UYI589827 UOJ589826:UOM589827 UEN589826:UEQ589827 TUR589826:TUU589827 TKV589826:TKY589827 TAZ589826:TBC589827 SRD589826:SRG589827 SHH589826:SHK589827 RXL589826:RXO589827 RNP589826:RNS589827 RDT589826:RDW589827 QTX589826:QUA589827 QKB589826:QKE589827 QAF589826:QAI589827 PQJ589826:PQM589827 PGN589826:PGQ589827 OWR589826:OWU589827 OMV589826:OMY589827 OCZ589826:ODC589827 NTD589826:NTG589827 NJH589826:NJK589827 MZL589826:MZO589827 MPP589826:MPS589827 MFT589826:MFW589827 LVX589826:LWA589827 LMB589826:LME589827 LCF589826:LCI589827 KSJ589826:KSM589827 KIN589826:KIQ589827 JYR589826:JYU589827 JOV589826:JOY589827 JEZ589826:JFC589827 IVD589826:IVG589827 ILH589826:ILK589827 IBL589826:IBO589827 HRP589826:HRS589827 HHT589826:HHW589827 GXX589826:GYA589827 GOB589826:GOE589827 GEF589826:GEI589827 FUJ589826:FUM589827 FKN589826:FKQ589827 FAR589826:FAU589827 EQV589826:EQY589827 EGZ589826:EHC589827 DXD589826:DXG589827 DNH589826:DNK589827 DDL589826:DDO589827 CTP589826:CTS589827 CJT589826:CJW589827 BZX589826:CAA589827 BQB589826:BQE589827 BGF589826:BGI589827 AWJ589826:AWM589827 AMN589826:AMQ589827 ACR589826:ACU589827 SV589826:SY589827 IZ589826:JC589827 J589826:M589827 WVL524290:WVO524291 WLP524290:WLS524291 WBT524290:WBW524291 VRX524290:VSA524291 VIB524290:VIE524291 UYF524290:UYI524291 UOJ524290:UOM524291 UEN524290:UEQ524291 TUR524290:TUU524291 TKV524290:TKY524291 TAZ524290:TBC524291 SRD524290:SRG524291 SHH524290:SHK524291 RXL524290:RXO524291 RNP524290:RNS524291 RDT524290:RDW524291 QTX524290:QUA524291 QKB524290:QKE524291 QAF524290:QAI524291 PQJ524290:PQM524291 PGN524290:PGQ524291 OWR524290:OWU524291 OMV524290:OMY524291 OCZ524290:ODC524291 NTD524290:NTG524291 NJH524290:NJK524291 MZL524290:MZO524291 MPP524290:MPS524291 MFT524290:MFW524291 LVX524290:LWA524291 LMB524290:LME524291 LCF524290:LCI524291 KSJ524290:KSM524291 KIN524290:KIQ524291 JYR524290:JYU524291 JOV524290:JOY524291 JEZ524290:JFC524291 IVD524290:IVG524291 ILH524290:ILK524291 IBL524290:IBO524291 HRP524290:HRS524291 HHT524290:HHW524291 GXX524290:GYA524291 GOB524290:GOE524291 GEF524290:GEI524291 FUJ524290:FUM524291 FKN524290:FKQ524291 FAR524290:FAU524291 EQV524290:EQY524291 EGZ524290:EHC524291 DXD524290:DXG524291 DNH524290:DNK524291 DDL524290:DDO524291 CTP524290:CTS524291 CJT524290:CJW524291 BZX524290:CAA524291 BQB524290:BQE524291 BGF524290:BGI524291 AWJ524290:AWM524291 AMN524290:AMQ524291 ACR524290:ACU524291 SV524290:SY524291 IZ524290:JC524291 J524290:M524291 WVL458754:WVO458755 WLP458754:WLS458755 WBT458754:WBW458755 VRX458754:VSA458755 VIB458754:VIE458755 UYF458754:UYI458755 UOJ458754:UOM458755 UEN458754:UEQ458755 TUR458754:TUU458755 TKV458754:TKY458755 TAZ458754:TBC458755 SRD458754:SRG458755 SHH458754:SHK458755 RXL458754:RXO458755 RNP458754:RNS458755 RDT458754:RDW458755 QTX458754:QUA458755 QKB458754:QKE458755 QAF458754:QAI458755 PQJ458754:PQM458755 PGN458754:PGQ458755 OWR458754:OWU458755 OMV458754:OMY458755 OCZ458754:ODC458755 NTD458754:NTG458755 NJH458754:NJK458755 MZL458754:MZO458755 MPP458754:MPS458755 MFT458754:MFW458755 LVX458754:LWA458755 LMB458754:LME458755 LCF458754:LCI458755 KSJ458754:KSM458755 KIN458754:KIQ458755 JYR458754:JYU458755 JOV458754:JOY458755 JEZ458754:JFC458755 IVD458754:IVG458755 ILH458754:ILK458755 IBL458754:IBO458755 HRP458754:HRS458755 HHT458754:HHW458755 GXX458754:GYA458755 GOB458754:GOE458755 GEF458754:GEI458755 FUJ458754:FUM458755 FKN458754:FKQ458755 FAR458754:FAU458755 EQV458754:EQY458755 EGZ458754:EHC458755 DXD458754:DXG458755 DNH458754:DNK458755 DDL458754:DDO458755 CTP458754:CTS458755 CJT458754:CJW458755 BZX458754:CAA458755 BQB458754:BQE458755 BGF458754:BGI458755 AWJ458754:AWM458755 AMN458754:AMQ458755 ACR458754:ACU458755 SV458754:SY458755 IZ458754:JC458755 J458754:M458755 WVL393218:WVO393219 WLP393218:WLS393219 WBT393218:WBW393219 VRX393218:VSA393219 VIB393218:VIE393219 UYF393218:UYI393219 UOJ393218:UOM393219 UEN393218:UEQ393219 TUR393218:TUU393219 TKV393218:TKY393219 TAZ393218:TBC393219 SRD393218:SRG393219 SHH393218:SHK393219 RXL393218:RXO393219 RNP393218:RNS393219 RDT393218:RDW393219 QTX393218:QUA393219 QKB393218:QKE393219 QAF393218:QAI393219 PQJ393218:PQM393219 PGN393218:PGQ393219 OWR393218:OWU393219 OMV393218:OMY393219 OCZ393218:ODC393219 NTD393218:NTG393219 NJH393218:NJK393219 MZL393218:MZO393219 MPP393218:MPS393219 MFT393218:MFW393219 LVX393218:LWA393219 LMB393218:LME393219 LCF393218:LCI393219 KSJ393218:KSM393219 KIN393218:KIQ393219 JYR393218:JYU393219 JOV393218:JOY393219 JEZ393218:JFC393219 IVD393218:IVG393219 ILH393218:ILK393219 IBL393218:IBO393219 HRP393218:HRS393219 HHT393218:HHW393219 GXX393218:GYA393219 GOB393218:GOE393219 GEF393218:GEI393219 FUJ393218:FUM393219 FKN393218:FKQ393219 FAR393218:FAU393219 EQV393218:EQY393219 EGZ393218:EHC393219 DXD393218:DXG393219 DNH393218:DNK393219 DDL393218:DDO393219 CTP393218:CTS393219 CJT393218:CJW393219 BZX393218:CAA393219 BQB393218:BQE393219 BGF393218:BGI393219 AWJ393218:AWM393219 AMN393218:AMQ393219 ACR393218:ACU393219 SV393218:SY393219 IZ393218:JC393219 J393218:M393219 WVL327682:WVO327683 WLP327682:WLS327683 WBT327682:WBW327683 VRX327682:VSA327683 VIB327682:VIE327683 UYF327682:UYI327683 UOJ327682:UOM327683 UEN327682:UEQ327683 TUR327682:TUU327683 TKV327682:TKY327683 TAZ327682:TBC327683 SRD327682:SRG327683 SHH327682:SHK327683 RXL327682:RXO327683 RNP327682:RNS327683 RDT327682:RDW327683 QTX327682:QUA327683 QKB327682:QKE327683 QAF327682:QAI327683 PQJ327682:PQM327683 PGN327682:PGQ327683 OWR327682:OWU327683 OMV327682:OMY327683 OCZ327682:ODC327683 NTD327682:NTG327683 NJH327682:NJK327683 MZL327682:MZO327683 MPP327682:MPS327683 MFT327682:MFW327683 LVX327682:LWA327683 LMB327682:LME327683 LCF327682:LCI327683 KSJ327682:KSM327683 KIN327682:KIQ327683 JYR327682:JYU327683 JOV327682:JOY327683 JEZ327682:JFC327683 IVD327682:IVG327683 ILH327682:ILK327683 IBL327682:IBO327683 HRP327682:HRS327683 HHT327682:HHW327683 GXX327682:GYA327683 GOB327682:GOE327683 GEF327682:GEI327683 FUJ327682:FUM327683 FKN327682:FKQ327683 FAR327682:FAU327683 EQV327682:EQY327683 EGZ327682:EHC327683 DXD327682:DXG327683 DNH327682:DNK327683 DDL327682:DDO327683 CTP327682:CTS327683 CJT327682:CJW327683 BZX327682:CAA327683 BQB327682:BQE327683 BGF327682:BGI327683 AWJ327682:AWM327683 AMN327682:AMQ327683 ACR327682:ACU327683 SV327682:SY327683 IZ327682:JC327683 J327682:M327683 WVL262146:WVO262147 WLP262146:WLS262147 WBT262146:WBW262147 VRX262146:VSA262147 VIB262146:VIE262147 UYF262146:UYI262147 UOJ262146:UOM262147 UEN262146:UEQ262147 TUR262146:TUU262147 TKV262146:TKY262147 TAZ262146:TBC262147 SRD262146:SRG262147 SHH262146:SHK262147 RXL262146:RXO262147 RNP262146:RNS262147 RDT262146:RDW262147 QTX262146:QUA262147 QKB262146:QKE262147 QAF262146:QAI262147 PQJ262146:PQM262147 PGN262146:PGQ262147 OWR262146:OWU262147 OMV262146:OMY262147 OCZ262146:ODC262147 NTD262146:NTG262147 NJH262146:NJK262147 MZL262146:MZO262147 MPP262146:MPS262147 MFT262146:MFW262147 LVX262146:LWA262147 LMB262146:LME262147 LCF262146:LCI262147 KSJ262146:KSM262147 KIN262146:KIQ262147 JYR262146:JYU262147 JOV262146:JOY262147 JEZ262146:JFC262147 IVD262146:IVG262147 ILH262146:ILK262147 IBL262146:IBO262147 HRP262146:HRS262147 HHT262146:HHW262147 GXX262146:GYA262147 GOB262146:GOE262147 GEF262146:GEI262147 FUJ262146:FUM262147 FKN262146:FKQ262147 FAR262146:FAU262147 EQV262146:EQY262147 EGZ262146:EHC262147 DXD262146:DXG262147 DNH262146:DNK262147 DDL262146:DDO262147 CTP262146:CTS262147 CJT262146:CJW262147 BZX262146:CAA262147 BQB262146:BQE262147 BGF262146:BGI262147 AWJ262146:AWM262147 AMN262146:AMQ262147 ACR262146:ACU262147 SV262146:SY262147 IZ262146:JC262147 J262146:M262147 WVL196610:WVO196611 WLP196610:WLS196611 WBT196610:WBW196611 VRX196610:VSA196611 VIB196610:VIE196611 UYF196610:UYI196611 UOJ196610:UOM196611 UEN196610:UEQ196611 TUR196610:TUU196611 TKV196610:TKY196611 TAZ196610:TBC196611 SRD196610:SRG196611 SHH196610:SHK196611 RXL196610:RXO196611 RNP196610:RNS196611 RDT196610:RDW196611 QTX196610:QUA196611 QKB196610:QKE196611 QAF196610:QAI196611 PQJ196610:PQM196611 PGN196610:PGQ196611 OWR196610:OWU196611 OMV196610:OMY196611 OCZ196610:ODC196611 NTD196610:NTG196611 NJH196610:NJK196611 MZL196610:MZO196611 MPP196610:MPS196611 MFT196610:MFW196611 LVX196610:LWA196611 LMB196610:LME196611 LCF196610:LCI196611 KSJ196610:KSM196611 KIN196610:KIQ196611 JYR196610:JYU196611 JOV196610:JOY196611 JEZ196610:JFC196611 IVD196610:IVG196611 ILH196610:ILK196611 IBL196610:IBO196611 HRP196610:HRS196611 HHT196610:HHW196611 GXX196610:GYA196611 GOB196610:GOE196611 GEF196610:GEI196611 FUJ196610:FUM196611 FKN196610:FKQ196611 FAR196610:FAU196611 EQV196610:EQY196611 EGZ196610:EHC196611 DXD196610:DXG196611 DNH196610:DNK196611 DDL196610:DDO196611 CTP196610:CTS196611 CJT196610:CJW196611 BZX196610:CAA196611 BQB196610:BQE196611 BGF196610:BGI196611 AWJ196610:AWM196611 AMN196610:AMQ196611 ACR196610:ACU196611 SV196610:SY196611 IZ196610:JC196611 J196610:M196611 WVL131074:WVO131075 WLP131074:WLS131075 WBT131074:WBW131075 VRX131074:VSA131075 VIB131074:VIE131075 UYF131074:UYI131075 UOJ131074:UOM131075 UEN131074:UEQ131075 TUR131074:TUU131075 TKV131074:TKY131075 TAZ131074:TBC131075 SRD131074:SRG131075 SHH131074:SHK131075 RXL131074:RXO131075 RNP131074:RNS131075 RDT131074:RDW131075 QTX131074:QUA131075 QKB131074:QKE131075 QAF131074:QAI131075 PQJ131074:PQM131075 PGN131074:PGQ131075 OWR131074:OWU131075 OMV131074:OMY131075 OCZ131074:ODC131075 NTD131074:NTG131075 NJH131074:NJK131075 MZL131074:MZO131075 MPP131074:MPS131075 MFT131074:MFW131075 LVX131074:LWA131075 LMB131074:LME131075 LCF131074:LCI131075 KSJ131074:KSM131075 KIN131074:KIQ131075 JYR131074:JYU131075 JOV131074:JOY131075 JEZ131074:JFC131075 IVD131074:IVG131075 ILH131074:ILK131075 IBL131074:IBO131075 HRP131074:HRS131075 HHT131074:HHW131075 GXX131074:GYA131075 GOB131074:GOE131075 GEF131074:GEI131075 FUJ131074:FUM131075 FKN131074:FKQ131075 FAR131074:FAU131075 EQV131074:EQY131075 EGZ131074:EHC131075 DXD131074:DXG131075 DNH131074:DNK131075 DDL131074:DDO131075 CTP131074:CTS131075 CJT131074:CJW131075 BZX131074:CAA131075 BQB131074:BQE131075 BGF131074:BGI131075 AWJ131074:AWM131075 AMN131074:AMQ131075 ACR131074:ACU131075 SV131074:SY131075 IZ131074:JC131075 J131074:M131075 WVL65538:WVO65539 WLP65538:WLS65539 WBT65538:WBW65539 VRX65538:VSA65539 VIB65538:VIE65539 UYF65538:UYI65539 UOJ65538:UOM65539 UEN65538:UEQ65539 TUR65538:TUU65539 TKV65538:TKY65539 TAZ65538:TBC65539 SRD65538:SRG65539 SHH65538:SHK65539 RXL65538:RXO65539 RNP65538:RNS65539 RDT65538:RDW65539 QTX65538:QUA65539 QKB65538:QKE65539 QAF65538:QAI65539 PQJ65538:PQM65539 PGN65538:PGQ65539 OWR65538:OWU65539 OMV65538:OMY65539 OCZ65538:ODC65539 NTD65538:NTG65539 NJH65538:NJK65539 MZL65538:MZO65539 MPP65538:MPS65539 MFT65538:MFW65539 LVX65538:LWA65539 LMB65538:LME65539 LCF65538:LCI65539 KSJ65538:KSM65539 KIN65538:KIQ65539 JYR65538:JYU65539 JOV65538:JOY65539 JEZ65538:JFC65539 IVD65538:IVG65539 ILH65538:ILK65539 IBL65538:IBO65539 HRP65538:HRS65539 HHT65538:HHW65539 GXX65538:GYA65539 GOB65538:GOE65539 GEF65538:GEI65539 FUJ65538:FUM65539 FKN65538:FKQ65539 FAR65538:FAU65539 EQV65538:EQY65539 EGZ65538:EHC65539 DXD65538:DXG65539 DNH65538:DNK65539 DDL65538:DDO65539 CTP65538:CTS65539 CJT65538:CJW65539 BZX65538:CAA65539 BQB65538:BQE65539 BGF65538:BGI65539 AWJ65538:AWM65539 AMN65538:AMQ65539 ACR65538:ACU65539 SV65538:SY65539 IZ65538:JC65539 J65538:M65539 WVQ983042:WVS983042 WLU983042:WLW983042 WBY983042:WCA983042 VSC983042:VSE983042 VIG983042:VII983042 UYK983042:UYM983042 UOO983042:UOQ983042 UES983042:UEU983042 TUW983042:TUY983042 TLA983042:TLC983042 TBE983042:TBG983042 SRI983042:SRK983042 SHM983042:SHO983042 RXQ983042:RXS983042 RNU983042:RNW983042 RDY983042:REA983042 QUC983042:QUE983042 QKG983042:QKI983042 QAK983042:QAM983042 PQO983042:PQQ983042 PGS983042:PGU983042 OWW983042:OWY983042 ONA983042:ONC983042 ODE983042:ODG983042 NTI983042:NTK983042 NJM983042:NJO983042 MZQ983042:MZS983042 MPU983042:MPW983042 MFY983042:MGA983042 LWC983042:LWE983042 LMG983042:LMI983042 LCK983042:LCM983042 KSO983042:KSQ983042 KIS983042:KIU983042 JYW983042:JYY983042 JPA983042:JPC983042 JFE983042:JFG983042 IVI983042:IVK983042 ILM983042:ILO983042 IBQ983042:IBS983042 HRU983042:HRW983042 HHY983042:HIA983042 GYC983042:GYE983042 GOG983042:GOI983042 GEK983042:GEM983042 FUO983042:FUQ983042 FKS983042:FKU983042 FAW983042:FAY983042 ERA983042:ERC983042 EHE983042:EHG983042 DXI983042:DXK983042 DNM983042:DNO983042 DDQ983042:DDS983042 CTU983042:CTW983042 CJY983042:CKA983042 CAC983042:CAE983042 BQG983042:BQI983042 BGK983042:BGM983042 AWO983042:AWQ983042 AMS983042:AMU983042 ACW983042:ACY983042 TA983042:TC983042 JE983042:JG983042 O983042:Q983042 WVQ917506:WVS917506 WLU917506:WLW917506 WBY917506:WCA917506 VSC917506:VSE917506 VIG917506:VII917506 UYK917506:UYM917506 UOO917506:UOQ917506 UES917506:UEU917506 TUW917506:TUY917506 TLA917506:TLC917506 TBE917506:TBG917506 SRI917506:SRK917506 SHM917506:SHO917506 RXQ917506:RXS917506 RNU917506:RNW917506 RDY917506:REA917506 QUC917506:QUE917506 QKG917506:QKI917506 QAK917506:QAM917506 PQO917506:PQQ917506 PGS917506:PGU917506 OWW917506:OWY917506 ONA917506:ONC917506 ODE917506:ODG917506 NTI917506:NTK917506 NJM917506:NJO917506 MZQ917506:MZS917506 MPU917506:MPW917506 MFY917506:MGA917506 LWC917506:LWE917506 LMG917506:LMI917506 LCK917506:LCM917506 KSO917506:KSQ917506 KIS917506:KIU917506 JYW917506:JYY917506 JPA917506:JPC917506 JFE917506:JFG917506 IVI917506:IVK917506 ILM917506:ILO917506 IBQ917506:IBS917506 HRU917506:HRW917506 HHY917506:HIA917506 GYC917506:GYE917506 GOG917506:GOI917506 GEK917506:GEM917506 FUO917506:FUQ917506 FKS917506:FKU917506 FAW917506:FAY917506 ERA917506:ERC917506 EHE917506:EHG917506 DXI917506:DXK917506 DNM917506:DNO917506 DDQ917506:DDS917506 CTU917506:CTW917506 CJY917506:CKA917506 CAC917506:CAE917506 BQG917506:BQI917506 BGK917506:BGM917506 AWO917506:AWQ917506 AMS917506:AMU917506 ACW917506:ACY917506 TA917506:TC917506 JE917506:JG917506 O917506:Q917506 WVQ851970:WVS851970 WLU851970:WLW851970 WBY851970:WCA851970 VSC851970:VSE851970 VIG851970:VII851970 UYK851970:UYM851970 UOO851970:UOQ851970 UES851970:UEU851970 TUW851970:TUY851970 TLA851970:TLC851970 TBE851970:TBG851970 SRI851970:SRK851970 SHM851970:SHO851970 RXQ851970:RXS851970 RNU851970:RNW851970 RDY851970:REA851970 QUC851970:QUE851970 QKG851970:QKI851970 QAK851970:QAM851970 PQO851970:PQQ851970 PGS851970:PGU851970 OWW851970:OWY851970 ONA851970:ONC851970 ODE851970:ODG851970 NTI851970:NTK851970 NJM851970:NJO851970 MZQ851970:MZS851970 MPU851970:MPW851970 MFY851970:MGA851970 LWC851970:LWE851970 LMG851970:LMI851970 LCK851970:LCM851970 KSO851970:KSQ851970 KIS851970:KIU851970 JYW851970:JYY851970 JPA851970:JPC851970 JFE851970:JFG851970 IVI851970:IVK851970 ILM851970:ILO851970 IBQ851970:IBS851970 HRU851970:HRW851970 HHY851970:HIA851970 GYC851970:GYE851970 GOG851970:GOI851970 GEK851970:GEM851970 FUO851970:FUQ851970 FKS851970:FKU851970 FAW851970:FAY851970 ERA851970:ERC851970 EHE851970:EHG851970 DXI851970:DXK851970 DNM851970:DNO851970 DDQ851970:DDS851970 CTU851970:CTW851970 CJY851970:CKA851970 CAC851970:CAE851970 BQG851970:BQI851970 BGK851970:BGM851970 AWO851970:AWQ851970 AMS851970:AMU851970 ACW851970:ACY851970 TA851970:TC851970 JE851970:JG851970 O851970:Q851970 WVQ786434:WVS786434 WLU786434:WLW786434 WBY786434:WCA786434 VSC786434:VSE786434 VIG786434:VII786434 UYK786434:UYM786434 UOO786434:UOQ786434 UES786434:UEU786434 TUW786434:TUY786434 TLA786434:TLC786434 TBE786434:TBG786434 SRI786434:SRK786434 SHM786434:SHO786434 RXQ786434:RXS786434 RNU786434:RNW786434 RDY786434:REA786434 QUC786434:QUE786434 QKG786434:QKI786434 QAK786434:QAM786434 PQO786434:PQQ786434 PGS786434:PGU786434 OWW786434:OWY786434 ONA786434:ONC786434 ODE786434:ODG786434 NTI786434:NTK786434 NJM786434:NJO786434 MZQ786434:MZS786434 MPU786434:MPW786434 MFY786434:MGA786434 LWC786434:LWE786434 LMG786434:LMI786434 LCK786434:LCM786434 KSO786434:KSQ786434 KIS786434:KIU786434 JYW786434:JYY786434 JPA786434:JPC786434 JFE786434:JFG786434 IVI786434:IVK786434 ILM786434:ILO786434 IBQ786434:IBS786434 HRU786434:HRW786434 HHY786434:HIA786434 GYC786434:GYE786434 GOG786434:GOI786434 GEK786434:GEM786434 FUO786434:FUQ786434 FKS786434:FKU786434 FAW786434:FAY786434 ERA786434:ERC786434 EHE786434:EHG786434 DXI786434:DXK786434 DNM786434:DNO786434 DDQ786434:DDS786434 CTU786434:CTW786434 CJY786434:CKA786434 CAC786434:CAE786434 BQG786434:BQI786434 BGK786434:BGM786434 AWO786434:AWQ786434 AMS786434:AMU786434 ACW786434:ACY786434 TA786434:TC786434 JE786434:JG786434 O786434:Q786434 WVQ720898:WVS720898 WLU720898:WLW720898 WBY720898:WCA720898 VSC720898:VSE720898 VIG720898:VII720898 UYK720898:UYM720898 UOO720898:UOQ720898 UES720898:UEU720898 TUW720898:TUY720898 TLA720898:TLC720898 TBE720898:TBG720898 SRI720898:SRK720898 SHM720898:SHO720898 RXQ720898:RXS720898 RNU720898:RNW720898 RDY720898:REA720898 QUC720898:QUE720898 QKG720898:QKI720898 QAK720898:QAM720898 PQO720898:PQQ720898 PGS720898:PGU720898 OWW720898:OWY720898 ONA720898:ONC720898 ODE720898:ODG720898 NTI720898:NTK720898 NJM720898:NJO720898 MZQ720898:MZS720898 MPU720898:MPW720898 MFY720898:MGA720898 LWC720898:LWE720898 LMG720898:LMI720898 LCK720898:LCM720898 KSO720898:KSQ720898 KIS720898:KIU720898 JYW720898:JYY720898 JPA720898:JPC720898 JFE720898:JFG720898 IVI720898:IVK720898 ILM720898:ILO720898 IBQ720898:IBS720898 HRU720898:HRW720898 HHY720898:HIA720898 GYC720898:GYE720898 GOG720898:GOI720898 GEK720898:GEM720898 FUO720898:FUQ720898 FKS720898:FKU720898 FAW720898:FAY720898 ERA720898:ERC720898 EHE720898:EHG720898 DXI720898:DXK720898 DNM720898:DNO720898 DDQ720898:DDS720898 CTU720898:CTW720898 CJY720898:CKA720898 CAC720898:CAE720898 BQG720898:BQI720898 BGK720898:BGM720898 AWO720898:AWQ720898 AMS720898:AMU720898 ACW720898:ACY720898 TA720898:TC720898 JE720898:JG720898 O720898:Q720898 WVQ655362:WVS655362 WLU655362:WLW655362 WBY655362:WCA655362 VSC655362:VSE655362 VIG655362:VII655362 UYK655362:UYM655362 UOO655362:UOQ655362 UES655362:UEU655362 TUW655362:TUY655362 TLA655362:TLC655362 TBE655362:TBG655362 SRI655362:SRK655362 SHM655362:SHO655362 RXQ655362:RXS655362 RNU655362:RNW655362 RDY655362:REA655362 QUC655362:QUE655362 QKG655362:QKI655362 QAK655362:QAM655362 PQO655362:PQQ655362 PGS655362:PGU655362 OWW655362:OWY655362 ONA655362:ONC655362 ODE655362:ODG655362 NTI655362:NTK655362 NJM655362:NJO655362 MZQ655362:MZS655362 MPU655362:MPW655362 MFY655362:MGA655362 LWC655362:LWE655362 LMG655362:LMI655362 LCK655362:LCM655362 KSO655362:KSQ655362 KIS655362:KIU655362 JYW655362:JYY655362 JPA655362:JPC655362 JFE655362:JFG655362 IVI655362:IVK655362 ILM655362:ILO655362 IBQ655362:IBS655362 HRU655362:HRW655362 HHY655362:HIA655362 GYC655362:GYE655362 GOG655362:GOI655362 GEK655362:GEM655362 FUO655362:FUQ655362 FKS655362:FKU655362 FAW655362:FAY655362 ERA655362:ERC655362 EHE655362:EHG655362 DXI655362:DXK655362 DNM655362:DNO655362 DDQ655362:DDS655362 CTU655362:CTW655362 CJY655362:CKA655362 CAC655362:CAE655362 BQG655362:BQI655362 BGK655362:BGM655362 AWO655362:AWQ655362 AMS655362:AMU655362 ACW655362:ACY655362 TA655362:TC655362 JE655362:JG655362 O655362:Q655362 WVQ589826:WVS589826 WLU589826:WLW589826 WBY589826:WCA589826 VSC589826:VSE589826 VIG589826:VII589826 UYK589826:UYM589826 UOO589826:UOQ589826 UES589826:UEU589826 TUW589826:TUY589826 TLA589826:TLC589826 TBE589826:TBG589826 SRI589826:SRK589826 SHM589826:SHO589826 RXQ589826:RXS589826 RNU589826:RNW589826 RDY589826:REA589826 QUC589826:QUE589826 QKG589826:QKI589826 QAK589826:QAM589826 PQO589826:PQQ589826 PGS589826:PGU589826 OWW589826:OWY589826 ONA589826:ONC589826 ODE589826:ODG589826 NTI589826:NTK589826 NJM589826:NJO589826 MZQ589826:MZS589826 MPU589826:MPW589826 MFY589826:MGA589826 LWC589826:LWE589826 LMG589826:LMI589826 LCK589826:LCM589826 KSO589826:KSQ589826 KIS589826:KIU589826 JYW589826:JYY589826 JPA589826:JPC589826 JFE589826:JFG589826 IVI589826:IVK589826 ILM589826:ILO589826 IBQ589826:IBS589826 HRU589826:HRW589826 HHY589826:HIA589826 GYC589826:GYE589826 GOG589826:GOI589826 GEK589826:GEM589826 FUO589826:FUQ589826 FKS589826:FKU589826 FAW589826:FAY589826 ERA589826:ERC589826 EHE589826:EHG589826 DXI589826:DXK589826 DNM589826:DNO589826 DDQ589826:DDS589826 CTU589826:CTW589826 CJY589826:CKA589826 CAC589826:CAE589826 BQG589826:BQI589826 BGK589826:BGM589826 AWO589826:AWQ589826 AMS589826:AMU589826 ACW589826:ACY589826 TA589826:TC589826 JE589826:JG589826 O589826:Q589826 WVQ524290:WVS524290 WLU524290:WLW524290 WBY524290:WCA524290 VSC524290:VSE524290 VIG524290:VII524290 UYK524290:UYM524290 UOO524290:UOQ524290 UES524290:UEU524290 TUW524290:TUY524290 TLA524290:TLC524290 TBE524290:TBG524290 SRI524290:SRK524290 SHM524290:SHO524290 RXQ524290:RXS524290 RNU524290:RNW524290 RDY524290:REA524290 QUC524290:QUE524290 QKG524290:QKI524290 QAK524290:QAM524290 PQO524290:PQQ524290 PGS524290:PGU524290 OWW524290:OWY524290 ONA524290:ONC524290 ODE524290:ODG524290 NTI524290:NTK524290 NJM524290:NJO524290 MZQ524290:MZS524290 MPU524290:MPW524290 MFY524290:MGA524290 LWC524290:LWE524290 LMG524290:LMI524290 LCK524290:LCM524290 KSO524290:KSQ524290 KIS524290:KIU524290 JYW524290:JYY524290 JPA524290:JPC524290 JFE524290:JFG524290 IVI524290:IVK524290 ILM524290:ILO524290 IBQ524290:IBS524290 HRU524290:HRW524290 HHY524290:HIA524290 GYC524290:GYE524290 GOG524290:GOI524290 GEK524290:GEM524290 FUO524290:FUQ524290 FKS524290:FKU524290 FAW524290:FAY524290 ERA524290:ERC524290 EHE524290:EHG524290 DXI524290:DXK524290 DNM524290:DNO524290 DDQ524290:DDS524290 CTU524290:CTW524290 CJY524290:CKA524290 CAC524290:CAE524290 BQG524290:BQI524290 BGK524290:BGM524290 AWO524290:AWQ524290 AMS524290:AMU524290 ACW524290:ACY524290 TA524290:TC524290 JE524290:JG524290 O524290:Q524290 WVQ458754:WVS458754 WLU458754:WLW458754 WBY458754:WCA458754 VSC458754:VSE458754 VIG458754:VII458754 UYK458754:UYM458754 UOO458754:UOQ458754 UES458754:UEU458754 TUW458754:TUY458754 TLA458754:TLC458754 TBE458754:TBG458754 SRI458754:SRK458754 SHM458754:SHO458754 RXQ458754:RXS458754 RNU458754:RNW458754 RDY458754:REA458754 QUC458754:QUE458754 QKG458754:QKI458754 QAK458754:QAM458754 PQO458754:PQQ458754 PGS458754:PGU458754 OWW458754:OWY458754 ONA458754:ONC458754 ODE458754:ODG458754 NTI458754:NTK458754 NJM458754:NJO458754 MZQ458754:MZS458754 MPU458754:MPW458754 MFY458754:MGA458754 LWC458754:LWE458754 LMG458754:LMI458754 LCK458754:LCM458754 KSO458754:KSQ458754 KIS458754:KIU458754 JYW458754:JYY458754 JPA458754:JPC458754 JFE458754:JFG458754 IVI458754:IVK458754 ILM458754:ILO458754 IBQ458754:IBS458754 HRU458754:HRW458754 HHY458754:HIA458754 GYC458754:GYE458754 GOG458754:GOI458754 GEK458754:GEM458754 FUO458754:FUQ458754 FKS458754:FKU458754 FAW458754:FAY458754 ERA458754:ERC458754 EHE458754:EHG458754 DXI458754:DXK458754 DNM458754:DNO458754 DDQ458754:DDS458754 CTU458754:CTW458754 CJY458754:CKA458754 CAC458754:CAE458754 BQG458754:BQI458754 BGK458754:BGM458754 AWO458754:AWQ458754 AMS458754:AMU458754 ACW458754:ACY458754 TA458754:TC458754 JE458754:JG458754 O458754:Q458754 WVQ393218:WVS393218 WLU393218:WLW393218 WBY393218:WCA393218 VSC393218:VSE393218 VIG393218:VII393218 UYK393218:UYM393218 UOO393218:UOQ393218 UES393218:UEU393218 TUW393218:TUY393218 TLA393218:TLC393218 TBE393218:TBG393218 SRI393218:SRK393218 SHM393218:SHO393218 RXQ393218:RXS393218 RNU393218:RNW393218 RDY393218:REA393218 QUC393218:QUE393218 QKG393218:QKI393218 QAK393218:QAM393218 PQO393218:PQQ393218 PGS393218:PGU393218 OWW393218:OWY393218 ONA393218:ONC393218 ODE393218:ODG393218 NTI393218:NTK393218 NJM393218:NJO393218 MZQ393218:MZS393218 MPU393218:MPW393218 MFY393218:MGA393218 LWC393218:LWE393218 LMG393218:LMI393218 LCK393218:LCM393218 KSO393218:KSQ393218 KIS393218:KIU393218 JYW393218:JYY393218 JPA393218:JPC393218 JFE393218:JFG393218 IVI393218:IVK393218 ILM393218:ILO393218 IBQ393218:IBS393218 HRU393218:HRW393218 HHY393218:HIA393218 GYC393218:GYE393218 GOG393218:GOI393218 GEK393218:GEM393218 FUO393218:FUQ393218 FKS393218:FKU393218 FAW393218:FAY393218 ERA393218:ERC393218 EHE393218:EHG393218 DXI393218:DXK393218 DNM393218:DNO393218 DDQ393218:DDS393218 CTU393218:CTW393218 CJY393218:CKA393218 CAC393218:CAE393218 BQG393218:BQI393218 BGK393218:BGM393218 AWO393218:AWQ393218 AMS393218:AMU393218 ACW393218:ACY393218 TA393218:TC393218 JE393218:JG393218 O393218:Q393218 WVQ327682:WVS327682 WLU327682:WLW327682 WBY327682:WCA327682 VSC327682:VSE327682 VIG327682:VII327682 UYK327682:UYM327682 UOO327682:UOQ327682 UES327682:UEU327682 TUW327682:TUY327682 TLA327682:TLC327682 TBE327682:TBG327682 SRI327682:SRK327682 SHM327682:SHO327682 RXQ327682:RXS327682 RNU327682:RNW327682 RDY327682:REA327682 QUC327682:QUE327682 QKG327682:QKI327682 QAK327682:QAM327682 PQO327682:PQQ327682 PGS327682:PGU327682 OWW327682:OWY327682 ONA327682:ONC327682 ODE327682:ODG327682 NTI327682:NTK327682 NJM327682:NJO327682 MZQ327682:MZS327682 MPU327682:MPW327682 MFY327682:MGA327682 LWC327682:LWE327682 LMG327682:LMI327682 LCK327682:LCM327682 KSO327682:KSQ327682 KIS327682:KIU327682 JYW327682:JYY327682 JPA327682:JPC327682 JFE327682:JFG327682 IVI327682:IVK327682 ILM327682:ILO327682 IBQ327682:IBS327682 HRU327682:HRW327682 HHY327682:HIA327682 GYC327682:GYE327682 GOG327682:GOI327682 GEK327682:GEM327682 FUO327682:FUQ327682 FKS327682:FKU327682 FAW327682:FAY327682 ERA327682:ERC327682 EHE327682:EHG327682 DXI327682:DXK327682 DNM327682:DNO327682 DDQ327682:DDS327682 CTU327682:CTW327682 CJY327682:CKA327682 CAC327682:CAE327682 BQG327682:BQI327682 BGK327682:BGM327682 AWO327682:AWQ327682 AMS327682:AMU327682 ACW327682:ACY327682 TA327682:TC327682 JE327682:JG327682 O327682:Q327682 WVQ262146:WVS262146 WLU262146:WLW262146 WBY262146:WCA262146 VSC262146:VSE262146 VIG262146:VII262146 UYK262146:UYM262146 UOO262146:UOQ262146 UES262146:UEU262146 TUW262146:TUY262146 TLA262146:TLC262146 TBE262146:TBG262146 SRI262146:SRK262146 SHM262146:SHO262146 RXQ262146:RXS262146 RNU262146:RNW262146 RDY262146:REA262146 QUC262146:QUE262146 QKG262146:QKI262146 QAK262146:QAM262146 PQO262146:PQQ262146 PGS262146:PGU262146 OWW262146:OWY262146 ONA262146:ONC262146 ODE262146:ODG262146 NTI262146:NTK262146 NJM262146:NJO262146 MZQ262146:MZS262146 MPU262146:MPW262146 MFY262146:MGA262146 LWC262146:LWE262146 LMG262146:LMI262146 LCK262146:LCM262146 KSO262146:KSQ262146 KIS262146:KIU262146 JYW262146:JYY262146 JPA262146:JPC262146 JFE262146:JFG262146 IVI262146:IVK262146 ILM262146:ILO262146 IBQ262146:IBS262146 HRU262146:HRW262146 HHY262146:HIA262146 GYC262146:GYE262146 GOG262146:GOI262146 GEK262146:GEM262146 FUO262146:FUQ262146 FKS262146:FKU262146 FAW262146:FAY262146 ERA262146:ERC262146 EHE262146:EHG262146 DXI262146:DXK262146 DNM262146:DNO262146 DDQ262146:DDS262146 CTU262146:CTW262146 CJY262146:CKA262146 CAC262146:CAE262146 BQG262146:BQI262146 BGK262146:BGM262146 AWO262146:AWQ262146 AMS262146:AMU262146 ACW262146:ACY262146 TA262146:TC262146 JE262146:JG262146 O262146:Q262146 WVQ196610:WVS196610 WLU196610:WLW196610 WBY196610:WCA196610 VSC196610:VSE196610 VIG196610:VII196610 UYK196610:UYM196610 UOO196610:UOQ196610 UES196610:UEU196610 TUW196610:TUY196610 TLA196610:TLC196610 TBE196610:TBG196610 SRI196610:SRK196610 SHM196610:SHO196610 RXQ196610:RXS196610 RNU196610:RNW196610 RDY196610:REA196610 QUC196610:QUE196610 QKG196610:QKI196610 QAK196610:QAM196610 PQO196610:PQQ196610 PGS196610:PGU196610 OWW196610:OWY196610 ONA196610:ONC196610 ODE196610:ODG196610 NTI196610:NTK196610 NJM196610:NJO196610 MZQ196610:MZS196610 MPU196610:MPW196610 MFY196610:MGA196610 LWC196610:LWE196610 LMG196610:LMI196610 LCK196610:LCM196610 KSO196610:KSQ196610 KIS196610:KIU196610 JYW196610:JYY196610 JPA196610:JPC196610 JFE196610:JFG196610 IVI196610:IVK196610 ILM196610:ILO196610 IBQ196610:IBS196610 HRU196610:HRW196610 HHY196610:HIA196610 GYC196610:GYE196610 GOG196610:GOI196610 GEK196610:GEM196610 FUO196610:FUQ196610 FKS196610:FKU196610 FAW196610:FAY196610 ERA196610:ERC196610 EHE196610:EHG196610 DXI196610:DXK196610 DNM196610:DNO196610 DDQ196610:DDS196610 CTU196610:CTW196610 CJY196610:CKA196610 CAC196610:CAE196610 BQG196610:BQI196610 BGK196610:BGM196610 AWO196610:AWQ196610 AMS196610:AMU196610 ACW196610:ACY196610 TA196610:TC196610 JE196610:JG196610 O196610:Q196610 WVQ131074:WVS131074 WLU131074:WLW131074 WBY131074:WCA131074 VSC131074:VSE131074 VIG131074:VII131074 UYK131074:UYM131074 UOO131074:UOQ131074 UES131074:UEU131074 TUW131074:TUY131074 TLA131074:TLC131074 TBE131074:TBG131074 SRI131074:SRK131074 SHM131074:SHO131074 RXQ131074:RXS131074 RNU131074:RNW131074 RDY131074:REA131074 QUC131074:QUE131074 QKG131074:QKI131074 QAK131074:QAM131074 PQO131074:PQQ131074 PGS131074:PGU131074 OWW131074:OWY131074 ONA131074:ONC131074 ODE131074:ODG131074 NTI131074:NTK131074 NJM131074:NJO131074 MZQ131074:MZS131074 MPU131074:MPW131074 MFY131074:MGA131074 LWC131074:LWE131074 LMG131074:LMI131074 LCK131074:LCM131074 KSO131074:KSQ131074 KIS131074:KIU131074 JYW131074:JYY131074 JPA131074:JPC131074 JFE131074:JFG131074 IVI131074:IVK131074 ILM131074:ILO131074 IBQ131074:IBS131074 HRU131074:HRW131074 HHY131074:HIA131074 GYC131074:GYE131074 GOG131074:GOI131074 GEK131074:GEM131074 FUO131074:FUQ131074 FKS131074:FKU131074 FAW131074:FAY131074 ERA131074:ERC131074 EHE131074:EHG131074 DXI131074:DXK131074 DNM131074:DNO131074 DDQ131074:DDS131074 CTU131074:CTW131074 CJY131074:CKA131074 CAC131074:CAE131074 BQG131074:BQI131074 BGK131074:BGM131074 AWO131074:AWQ131074 AMS131074:AMU131074 ACW131074:ACY131074 TA131074:TC131074 JE131074:JG131074 O131074:Q131074 WVQ65538:WVS65538 WLU65538:WLW65538 WBY65538:WCA65538 VSC65538:VSE65538 VIG65538:VII65538 UYK65538:UYM65538 UOO65538:UOQ65538 UES65538:UEU65538 TUW65538:TUY65538 TLA65538:TLC65538 TBE65538:TBG65538 SRI65538:SRK65538 SHM65538:SHO65538 RXQ65538:RXS65538 RNU65538:RNW65538 RDY65538:REA65538 QUC65538:QUE65538 QKG65538:QKI65538 QAK65538:QAM65538 PQO65538:PQQ65538 PGS65538:PGU65538 OWW65538:OWY65538 ONA65538:ONC65538 ODE65538:ODG65538 NTI65538:NTK65538 NJM65538:NJO65538 MZQ65538:MZS65538 MPU65538:MPW65538 MFY65538:MGA65538 LWC65538:LWE65538 LMG65538:LMI65538 LCK65538:LCM65538 KSO65538:KSQ65538 KIS65538:KIU65538 JYW65538:JYY65538 JPA65538:JPC65538 JFE65538:JFG65538 IVI65538:IVK65538 ILM65538:ILO65538 IBQ65538:IBS65538 HRU65538:HRW65538 HHY65538:HIA65538 GYC65538:GYE65538 GOG65538:GOI65538 GEK65538:GEM65538 FUO65538:FUQ65538 FKS65538:FKU65538 FAW65538:FAY65538 ERA65538:ERC65538 EHE65538:EHG65538 DXI65538:DXK65538 DNM65538:DNO65538 DDQ65538:DDS65538 CTU65538:CTW65538 CJY65538:CKA65538 CAC65538:CAE65538 BQG65538:BQI65538 BGK65538:BGM65538 AWO65538:AWQ65538 AMS65538:AMU65538 ACW65538:ACY65538 TA65538:TC65538 JE65538:JG65538 O65538:Q65538" xr:uid="{00000000-0002-0000-0600-000000000000}">
      <formula1>I65537&amp;""=ASC(I65537)</formula1>
    </dataValidation>
    <dataValidation imeMode="halfAlpha" allowBlank="1" showInputMessage="1" showErrorMessage="1" sqref="WVQ983047:WVS983047 WLU983047:WLW983047 WBY983047:WCA983047 VSC983047:VSE983047 VIG983047:VII983047 UYK983047:UYM983047 UOO983047:UOQ983047 UES983047:UEU983047 TUW983047:TUY983047 TLA983047:TLC983047 TBE983047:TBG983047 SRI983047:SRK983047 SHM983047:SHO983047 RXQ983047:RXS983047 RNU983047:RNW983047 RDY983047:REA983047 QUC983047:QUE983047 QKG983047:QKI983047 QAK983047:QAM983047 PQO983047:PQQ983047 PGS983047:PGU983047 OWW983047:OWY983047 ONA983047:ONC983047 ODE983047:ODG983047 NTI983047:NTK983047 NJM983047:NJO983047 MZQ983047:MZS983047 MPU983047:MPW983047 MFY983047:MGA983047 LWC983047:LWE983047 LMG983047:LMI983047 LCK983047:LCM983047 KSO983047:KSQ983047 KIS983047:KIU983047 JYW983047:JYY983047 JPA983047:JPC983047 JFE983047:JFG983047 IVI983047:IVK983047 ILM983047:ILO983047 IBQ983047:IBS983047 HRU983047:HRW983047 HHY983047:HIA983047 GYC983047:GYE983047 GOG983047:GOI983047 GEK983047:GEM983047 FUO983047:FUQ983047 FKS983047:FKU983047 FAW983047:FAY983047 ERA983047:ERC983047 EHE983047:EHG983047 DXI983047:DXK983047 DNM983047:DNO983047 DDQ983047:DDS983047 CTU983047:CTW983047 CJY983047:CKA983047 CAC983047:CAE983047 BQG983047:BQI983047 BGK983047:BGM983047 AWO983047:AWQ983047 AMS983047:AMU983047 ACW983047:ACY983047 TA983047:TC983047 JE983047:JG983047 O983047:Q983047 WVQ917511:WVS917511 WLU917511:WLW917511 WBY917511:WCA917511 VSC917511:VSE917511 VIG917511:VII917511 UYK917511:UYM917511 UOO917511:UOQ917511 UES917511:UEU917511 TUW917511:TUY917511 TLA917511:TLC917511 TBE917511:TBG917511 SRI917511:SRK917511 SHM917511:SHO917511 RXQ917511:RXS917511 RNU917511:RNW917511 RDY917511:REA917511 QUC917511:QUE917511 QKG917511:QKI917511 QAK917511:QAM917511 PQO917511:PQQ917511 PGS917511:PGU917511 OWW917511:OWY917511 ONA917511:ONC917511 ODE917511:ODG917511 NTI917511:NTK917511 NJM917511:NJO917511 MZQ917511:MZS917511 MPU917511:MPW917511 MFY917511:MGA917511 LWC917511:LWE917511 LMG917511:LMI917511 LCK917511:LCM917511 KSO917511:KSQ917511 KIS917511:KIU917511 JYW917511:JYY917511 JPA917511:JPC917511 JFE917511:JFG917511 IVI917511:IVK917511 ILM917511:ILO917511 IBQ917511:IBS917511 HRU917511:HRW917511 HHY917511:HIA917511 GYC917511:GYE917511 GOG917511:GOI917511 GEK917511:GEM917511 FUO917511:FUQ917511 FKS917511:FKU917511 FAW917511:FAY917511 ERA917511:ERC917511 EHE917511:EHG917511 DXI917511:DXK917511 DNM917511:DNO917511 DDQ917511:DDS917511 CTU917511:CTW917511 CJY917511:CKA917511 CAC917511:CAE917511 BQG917511:BQI917511 BGK917511:BGM917511 AWO917511:AWQ917511 AMS917511:AMU917511 ACW917511:ACY917511 TA917511:TC917511 JE917511:JG917511 O917511:Q917511 WVQ851975:WVS851975 WLU851975:WLW851975 WBY851975:WCA851975 VSC851975:VSE851975 VIG851975:VII851975 UYK851975:UYM851975 UOO851975:UOQ851975 UES851975:UEU851975 TUW851975:TUY851975 TLA851975:TLC851975 TBE851975:TBG851975 SRI851975:SRK851975 SHM851975:SHO851975 RXQ851975:RXS851975 RNU851975:RNW851975 RDY851975:REA851975 QUC851975:QUE851975 QKG851975:QKI851975 QAK851975:QAM851975 PQO851975:PQQ851975 PGS851975:PGU851975 OWW851975:OWY851975 ONA851975:ONC851975 ODE851975:ODG851975 NTI851975:NTK851975 NJM851975:NJO851975 MZQ851975:MZS851975 MPU851975:MPW851975 MFY851975:MGA851975 LWC851975:LWE851975 LMG851975:LMI851975 LCK851975:LCM851975 KSO851975:KSQ851975 KIS851975:KIU851975 JYW851975:JYY851975 JPA851975:JPC851975 JFE851975:JFG851975 IVI851975:IVK851975 ILM851975:ILO851975 IBQ851975:IBS851975 HRU851975:HRW851975 HHY851975:HIA851975 GYC851975:GYE851975 GOG851975:GOI851975 GEK851975:GEM851975 FUO851975:FUQ851975 FKS851975:FKU851975 FAW851975:FAY851975 ERA851975:ERC851975 EHE851975:EHG851975 DXI851975:DXK851975 DNM851975:DNO851975 DDQ851975:DDS851975 CTU851975:CTW851975 CJY851975:CKA851975 CAC851975:CAE851975 BQG851975:BQI851975 BGK851975:BGM851975 AWO851975:AWQ851975 AMS851975:AMU851975 ACW851975:ACY851975 TA851975:TC851975 JE851975:JG851975 O851975:Q851975 WVQ786439:WVS786439 WLU786439:WLW786439 WBY786439:WCA786439 VSC786439:VSE786439 VIG786439:VII786439 UYK786439:UYM786439 UOO786439:UOQ786439 UES786439:UEU786439 TUW786439:TUY786439 TLA786439:TLC786439 TBE786439:TBG786439 SRI786439:SRK786439 SHM786439:SHO786439 RXQ786439:RXS786439 RNU786439:RNW786439 RDY786439:REA786439 QUC786439:QUE786439 QKG786439:QKI786439 QAK786439:QAM786439 PQO786439:PQQ786439 PGS786439:PGU786439 OWW786439:OWY786439 ONA786439:ONC786439 ODE786439:ODG786439 NTI786439:NTK786439 NJM786439:NJO786439 MZQ786439:MZS786439 MPU786439:MPW786439 MFY786439:MGA786439 LWC786439:LWE786439 LMG786439:LMI786439 LCK786439:LCM786439 KSO786439:KSQ786439 KIS786439:KIU786439 JYW786439:JYY786439 JPA786439:JPC786439 JFE786439:JFG786439 IVI786439:IVK786439 ILM786439:ILO786439 IBQ786439:IBS786439 HRU786439:HRW786439 HHY786439:HIA786439 GYC786439:GYE786439 GOG786439:GOI786439 GEK786439:GEM786439 FUO786439:FUQ786439 FKS786439:FKU786439 FAW786439:FAY786439 ERA786439:ERC786439 EHE786439:EHG786439 DXI786439:DXK786439 DNM786439:DNO786439 DDQ786439:DDS786439 CTU786439:CTW786439 CJY786439:CKA786439 CAC786439:CAE786439 BQG786439:BQI786439 BGK786439:BGM786439 AWO786439:AWQ786439 AMS786439:AMU786439 ACW786439:ACY786439 TA786439:TC786439 JE786439:JG786439 O786439:Q786439 WVQ720903:WVS720903 WLU720903:WLW720903 WBY720903:WCA720903 VSC720903:VSE720903 VIG720903:VII720903 UYK720903:UYM720903 UOO720903:UOQ720903 UES720903:UEU720903 TUW720903:TUY720903 TLA720903:TLC720903 TBE720903:TBG720903 SRI720903:SRK720903 SHM720903:SHO720903 RXQ720903:RXS720903 RNU720903:RNW720903 RDY720903:REA720903 QUC720903:QUE720903 QKG720903:QKI720903 QAK720903:QAM720903 PQO720903:PQQ720903 PGS720903:PGU720903 OWW720903:OWY720903 ONA720903:ONC720903 ODE720903:ODG720903 NTI720903:NTK720903 NJM720903:NJO720903 MZQ720903:MZS720903 MPU720903:MPW720903 MFY720903:MGA720903 LWC720903:LWE720903 LMG720903:LMI720903 LCK720903:LCM720903 KSO720903:KSQ720903 KIS720903:KIU720903 JYW720903:JYY720903 JPA720903:JPC720903 JFE720903:JFG720903 IVI720903:IVK720903 ILM720903:ILO720903 IBQ720903:IBS720903 HRU720903:HRW720903 HHY720903:HIA720903 GYC720903:GYE720903 GOG720903:GOI720903 GEK720903:GEM720903 FUO720903:FUQ720903 FKS720903:FKU720903 FAW720903:FAY720903 ERA720903:ERC720903 EHE720903:EHG720903 DXI720903:DXK720903 DNM720903:DNO720903 DDQ720903:DDS720903 CTU720903:CTW720903 CJY720903:CKA720903 CAC720903:CAE720903 BQG720903:BQI720903 BGK720903:BGM720903 AWO720903:AWQ720903 AMS720903:AMU720903 ACW720903:ACY720903 TA720903:TC720903 JE720903:JG720903 O720903:Q720903 WVQ655367:WVS655367 WLU655367:WLW655367 WBY655367:WCA655367 VSC655367:VSE655367 VIG655367:VII655367 UYK655367:UYM655367 UOO655367:UOQ655367 UES655367:UEU655367 TUW655367:TUY655367 TLA655367:TLC655367 TBE655367:TBG655367 SRI655367:SRK655367 SHM655367:SHO655367 RXQ655367:RXS655367 RNU655367:RNW655367 RDY655367:REA655367 QUC655367:QUE655367 QKG655367:QKI655367 QAK655367:QAM655367 PQO655367:PQQ655367 PGS655367:PGU655367 OWW655367:OWY655367 ONA655367:ONC655367 ODE655367:ODG655367 NTI655367:NTK655367 NJM655367:NJO655367 MZQ655367:MZS655367 MPU655367:MPW655367 MFY655367:MGA655367 LWC655367:LWE655367 LMG655367:LMI655367 LCK655367:LCM655367 KSO655367:KSQ655367 KIS655367:KIU655367 JYW655367:JYY655367 JPA655367:JPC655367 JFE655367:JFG655367 IVI655367:IVK655367 ILM655367:ILO655367 IBQ655367:IBS655367 HRU655367:HRW655367 HHY655367:HIA655367 GYC655367:GYE655367 GOG655367:GOI655367 GEK655367:GEM655367 FUO655367:FUQ655367 FKS655367:FKU655367 FAW655367:FAY655367 ERA655367:ERC655367 EHE655367:EHG655367 DXI655367:DXK655367 DNM655367:DNO655367 DDQ655367:DDS655367 CTU655367:CTW655367 CJY655367:CKA655367 CAC655367:CAE655367 BQG655367:BQI655367 BGK655367:BGM655367 AWO655367:AWQ655367 AMS655367:AMU655367 ACW655367:ACY655367 TA655367:TC655367 JE655367:JG655367 O655367:Q655367 WVQ589831:WVS589831 WLU589831:WLW589831 WBY589831:WCA589831 VSC589831:VSE589831 VIG589831:VII589831 UYK589831:UYM589831 UOO589831:UOQ589831 UES589831:UEU589831 TUW589831:TUY589831 TLA589831:TLC589831 TBE589831:TBG589831 SRI589831:SRK589831 SHM589831:SHO589831 RXQ589831:RXS589831 RNU589831:RNW589831 RDY589831:REA589831 QUC589831:QUE589831 QKG589831:QKI589831 QAK589831:QAM589831 PQO589831:PQQ589831 PGS589831:PGU589831 OWW589831:OWY589831 ONA589831:ONC589831 ODE589831:ODG589831 NTI589831:NTK589831 NJM589831:NJO589831 MZQ589831:MZS589831 MPU589831:MPW589831 MFY589831:MGA589831 LWC589831:LWE589831 LMG589831:LMI589831 LCK589831:LCM589831 KSO589831:KSQ589831 KIS589831:KIU589831 JYW589831:JYY589831 JPA589831:JPC589831 JFE589831:JFG589831 IVI589831:IVK589831 ILM589831:ILO589831 IBQ589831:IBS589831 HRU589831:HRW589831 HHY589831:HIA589831 GYC589831:GYE589831 GOG589831:GOI589831 GEK589831:GEM589831 FUO589831:FUQ589831 FKS589831:FKU589831 FAW589831:FAY589831 ERA589831:ERC589831 EHE589831:EHG589831 DXI589831:DXK589831 DNM589831:DNO589831 DDQ589831:DDS589831 CTU589831:CTW589831 CJY589831:CKA589831 CAC589831:CAE589831 BQG589831:BQI589831 BGK589831:BGM589831 AWO589831:AWQ589831 AMS589831:AMU589831 ACW589831:ACY589831 TA589831:TC589831 JE589831:JG589831 O589831:Q589831 WVQ524295:WVS524295 WLU524295:WLW524295 WBY524295:WCA524295 VSC524295:VSE524295 VIG524295:VII524295 UYK524295:UYM524295 UOO524295:UOQ524295 UES524295:UEU524295 TUW524295:TUY524295 TLA524295:TLC524295 TBE524295:TBG524295 SRI524295:SRK524295 SHM524295:SHO524295 RXQ524295:RXS524295 RNU524295:RNW524295 RDY524295:REA524295 QUC524295:QUE524295 QKG524295:QKI524295 QAK524295:QAM524295 PQO524295:PQQ524295 PGS524295:PGU524295 OWW524295:OWY524295 ONA524295:ONC524295 ODE524295:ODG524295 NTI524295:NTK524295 NJM524295:NJO524295 MZQ524295:MZS524295 MPU524295:MPW524295 MFY524295:MGA524295 LWC524295:LWE524295 LMG524295:LMI524295 LCK524295:LCM524295 KSO524295:KSQ524295 KIS524295:KIU524295 JYW524295:JYY524295 JPA524295:JPC524295 JFE524295:JFG524295 IVI524295:IVK524295 ILM524295:ILO524295 IBQ524295:IBS524295 HRU524295:HRW524295 HHY524295:HIA524295 GYC524295:GYE524295 GOG524295:GOI524295 GEK524295:GEM524295 FUO524295:FUQ524295 FKS524295:FKU524295 FAW524295:FAY524295 ERA524295:ERC524295 EHE524295:EHG524295 DXI524295:DXK524295 DNM524295:DNO524295 DDQ524295:DDS524295 CTU524295:CTW524295 CJY524295:CKA524295 CAC524295:CAE524295 BQG524295:BQI524295 BGK524295:BGM524295 AWO524295:AWQ524295 AMS524295:AMU524295 ACW524295:ACY524295 TA524295:TC524295 JE524295:JG524295 O524295:Q524295 WVQ458759:WVS458759 WLU458759:WLW458759 WBY458759:WCA458759 VSC458759:VSE458759 VIG458759:VII458759 UYK458759:UYM458759 UOO458759:UOQ458759 UES458759:UEU458759 TUW458759:TUY458759 TLA458759:TLC458759 TBE458759:TBG458759 SRI458759:SRK458759 SHM458759:SHO458759 RXQ458759:RXS458759 RNU458759:RNW458759 RDY458759:REA458759 QUC458759:QUE458759 QKG458759:QKI458759 QAK458759:QAM458759 PQO458759:PQQ458759 PGS458759:PGU458759 OWW458759:OWY458759 ONA458759:ONC458759 ODE458759:ODG458759 NTI458759:NTK458759 NJM458759:NJO458759 MZQ458759:MZS458759 MPU458759:MPW458759 MFY458759:MGA458759 LWC458759:LWE458759 LMG458759:LMI458759 LCK458759:LCM458759 KSO458759:KSQ458759 KIS458759:KIU458759 JYW458759:JYY458759 JPA458759:JPC458759 JFE458759:JFG458759 IVI458759:IVK458759 ILM458759:ILO458759 IBQ458759:IBS458759 HRU458759:HRW458759 HHY458759:HIA458759 GYC458759:GYE458759 GOG458759:GOI458759 GEK458759:GEM458759 FUO458759:FUQ458759 FKS458759:FKU458759 FAW458759:FAY458759 ERA458759:ERC458759 EHE458759:EHG458759 DXI458759:DXK458759 DNM458759:DNO458759 DDQ458759:DDS458759 CTU458759:CTW458759 CJY458759:CKA458759 CAC458759:CAE458759 BQG458759:BQI458759 BGK458759:BGM458759 AWO458759:AWQ458759 AMS458759:AMU458759 ACW458759:ACY458759 TA458759:TC458759 JE458759:JG458759 O458759:Q458759 WVQ393223:WVS393223 WLU393223:WLW393223 WBY393223:WCA393223 VSC393223:VSE393223 VIG393223:VII393223 UYK393223:UYM393223 UOO393223:UOQ393223 UES393223:UEU393223 TUW393223:TUY393223 TLA393223:TLC393223 TBE393223:TBG393223 SRI393223:SRK393223 SHM393223:SHO393223 RXQ393223:RXS393223 RNU393223:RNW393223 RDY393223:REA393223 QUC393223:QUE393223 QKG393223:QKI393223 QAK393223:QAM393223 PQO393223:PQQ393223 PGS393223:PGU393223 OWW393223:OWY393223 ONA393223:ONC393223 ODE393223:ODG393223 NTI393223:NTK393223 NJM393223:NJO393223 MZQ393223:MZS393223 MPU393223:MPW393223 MFY393223:MGA393223 LWC393223:LWE393223 LMG393223:LMI393223 LCK393223:LCM393223 KSO393223:KSQ393223 KIS393223:KIU393223 JYW393223:JYY393223 JPA393223:JPC393223 JFE393223:JFG393223 IVI393223:IVK393223 ILM393223:ILO393223 IBQ393223:IBS393223 HRU393223:HRW393223 HHY393223:HIA393223 GYC393223:GYE393223 GOG393223:GOI393223 GEK393223:GEM393223 FUO393223:FUQ393223 FKS393223:FKU393223 FAW393223:FAY393223 ERA393223:ERC393223 EHE393223:EHG393223 DXI393223:DXK393223 DNM393223:DNO393223 DDQ393223:DDS393223 CTU393223:CTW393223 CJY393223:CKA393223 CAC393223:CAE393223 BQG393223:BQI393223 BGK393223:BGM393223 AWO393223:AWQ393223 AMS393223:AMU393223 ACW393223:ACY393223 TA393223:TC393223 JE393223:JG393223 O393223:Q393223 WVQ327687:WVS327687 WLU327687:WLW327687 WBY327687:WCA327687 VSC327687:VSE327687 VIG327687:VII327687 UYK327687:UYM327687 UOO327687:UOQ327687 UES327687:UEU327687 TUW327687:TUY327687 TLA327687:TLC327687 TBE327687:TBG327687 SRI327687:SRK327687 SHM327687:SHO327687 RXQ327687:RXS327687 RNU327687:RNW327687 RDY327687:REA327687 QUC327687:QUE327687 QKG327687:QKI327687 QAK327687:QAM327687 PQO327687:PQQ327687 PGS327687:PGU327687 OWW327687:OWY327687 ONA327687:ONC327687 ODE327687:ODG327687 NTI327687:NTK327687 NJM327687:NJO327687 MZQ327687:MZS327687 MPU327687:MPW327687 MFY327687:MGA327687 LWC327687:LWE327687 LMG327687:LMI327687 LCK327687:LCM327687 KSO327687:KSQ327687 KIS327687:KIU327687 JYW327687:JYY327687 JPA327687:JPC327687 JFE327687:JFG327687 IVI327687:IVK327687 ILM327687:ILO327687 IBQ327687:IBS327687 HRU327687:HRW327687 HHY327687:HIA327687 GYC327687:GYE327687 GOG327687:GOI327687 GEK327687:GEM327687 FUO327687:FUQ327687 FKS327687:FKU327687 FAW327687:FAY327687 ERA327687:ERC327687 EHE327687:EHG327687 DXI327687:DXK327687 DNM327687:DNO327687 DDQ327687:DDS327687 CTU327687:CTW327687 CJY327687:CKA327687 CAC327687:CAE327687 BQG327687:BQI327687 BGK327687:BGM327687 AWO327687:AWQ327687 AMS327687:AMU327687 ACW327687:ACY327687 TA327687:TC327687 JE327687:JG327687 O327687:Q327687 WVQ262151:WVS262151 WLU262151:WLW262151 WBY262151:WCA262151 VSC262151:VSE262151 VIG262151:VII262151 UYK262151:UYM262151 UOO262151:UOQ262151 UES262151:UEU262151 TUW262151:TUY262151 TLA262151:TLC262151 TBE262151:TBG262151 SRI262151:SRK262151 SHM262151:SHO262151 RXQ262151:RXS262151 RNU262151:RNW262151 RDY262151:REA262151 QUC262151:QUE262151 QKG262151:QKI262151 QAK262151:QAM262151 PQO262151:PQQ262151 PGS262151:PGU262151 OWW262151:OWY262151 ONA262151:ONC262151 ODE262151:ODG262151 NTI262151:NTK262151 NJM262151:NJO262151 MZQ262151:MZS262151 MPU262151:MPW262151 MFY262151:MGA262151 LWC262151:LWE262151 LMG262151:LMI262151 LCK262151:LCM262151 KSO262151:KSQ262151 KIS262151:KIU262151 JYW262151:JYY262151 JPA262151:JPC262151 JFE262151:JFG262151 IVI262151:IVK262151 ILM262151:ILO262151 IBQ262151:IBS262151 HRU262151:HRW262151 HHY262151:HIA262151 GYC262151:GYE262151 GOG262151:GOI262151 GEK262151:GEM262151 FUO262151:FUQ262151 FKS262151:FKU262151 FAW262151:FAY262151 ERA262151:ERC262151 EHE262151:EHG262151 DXI262151:DXK262151 DNM262151:DNO262151 DDQ262151:DDS262151 CTU262151:CTW262151 CJY262151:CKA262151 CAC262151:CAE262151 BQG262151:BQI262151 BGK262151:BGM262151 AWO262151:AWQ262151 AMS262151:AMU262151 ACW262151:ACY262151 TA262151:TC262151 JE262151:JG262151 O262151:Q262151 WVQ196615:WVS196615 WLU196615:WLW196615 WBY196615:WCA196615 VSC196615:VSE196615 VIG196615:VII196615 UYK196615:UYM196615 UOO196615:UOQ196615 UES196615:UEU196615 TUW196615:TUY196615 TLA196615:TLC196615 TBE196615:TBG196615 SRI196615:SRK196615 SHM196615:SHO196615 RXQ196615:RXS196615 RNU196615:RNW196615 RDY196615:REA196615 QUC196615:QUE196615 QKG196615:QKI196615 QAK196615:QAM196615 PQO196615:PQQ196615 PGS196615:PGU196615 OWW196615:OWY196615 ONA196615:ONC196615 ODE196615:ODG196615 NTI196615:NTK196615 NJM196615:NJO196615 MZQ196615:MZS196615 MPU196615:MPW196615 MFY196615:MGA196615 LWC196615:LWE196615 LMG196615:LMI196615 LCK196615:LCM196615 KSO196615:KSQ196615 KIS196615:KIU196615 JYW196615:JYY196615 JPA196615:JPC196615 JFE196615:JFG196615 IVI196615:IVK196615 ILM196615:ILO196615 IBQ196615:IBS196615 HRU196615:HRW196615 HHY196615:HIA196615 GYC196615:GYE196615 GOG196615:GOI196615 GEK196615:GEM196615 FUO196615:FUQ196615 FKS196615:FKU196615 FAW196615:FAY196615 ERA196615:ERC196615 EHE196615:EHG196615 DXI196615:DXK196615 DNM196615:DNO196615 DDQ196615:DDS196615 CTU196615:CTW196615 CJY196615:CKA196615 CAC196615:CAE196615 BQG196615:BQI196615 BGK196615:BGM196615 AWO196615:AWQ196615 AMS196615:AMU196615 ACW196615:ACY196615 TA196615:TC196615 JE196615:JG196615 O196615:Q196615 WVQ131079:WVS131079 WLU131079:WLW131079 WBY131079:WCA131079 VSC131079:VSE131079 VIG131079:VII131079 UYK131079:UYM131079 UOO131079:UOQ131079 UES131079:UEU131079 TUW131079:TUY131079 TLA131079:TLC131079 TBE131079:TBG131079 SRI131079:SRK131079 SHM131079:SHO131079 RXQ131079:RXS131079 RNU131079:RNW131079 RDY131079:REA131079 QUC131079:QUE131079 QKG131079:QKI131079 QAK131079:QAM131079 PQO131079:PQQ131079 PGS131079:PGU131079 OWW131079:OWY131079 ONA131079:ONC131079 ODE131079:ODG131079 NTI131079:NTK131079 NJM131079:NJO131079 MZQ131079:MZS131079 MPU131079:MPW131079 MFY131079:MGA131079 LWC131079:LWE131079 LMG131079:LMI131079 LCK131079:LCM131079 KSO131079:KSQ131079 KIS131079:KIU131079 JYW131079:JYY131079 JPA131079:JPC131079 JFE131079:JFG131079 IVI131079:IVK131079 ILM131079:ILO131079 IBQ131079:IBS131079 HRU131079:HRW131079 HHY131079:HIA131079 GYC131079:GYE131079 GOG131079:GOI131079 GEK131079:GEM131079 FUO131079:FUQ131079 FKS131079:FKU131079 FAW131079:FAY131079 ERA131079:ERC131079 EHE131079:EHG131079 DXI131079:DXK131079 DNM131079:DNO131079 DDQ131079:DDS131079 CTU131079:CTW131079 CJY131079:CKA131079 CAC131079:CAE131079 BQG131079:BQI131079 BGK131079:BGM131079 AWO131079:AWQ131079 AMS131079:AMU131079 ACW131079:ACY131079 TA131079:TC131079 JE131079:JG131079 O131079:Q131079 WVQ65543:WVS65543 WLU65543:WLW65543 WBY65543:WCA65543 VSC65543:VSE65543 VIG65543:VII65543 UYK65543:UYM65543 UOO65543:UOQ65543 UES65543:UEU65543 TUW65543:TUY65543 TLA65543:TLC65543 TBE65543:TBG65543 SRI65543:SRK65543 SHM65543:SHO65543 RXQ65543:RXS65543 RNU65543:RNW65543 RDY65543:REA65543 QUC65543:QUE65543 QKG65543:QKI65543 QAK65543:QAM65543 PQO65543:PQQ65543 PGS65543:PGU65543 OWW65543:OWY65543 ONA65543:ONC65543 ODE65543:ODG65543 NTI65543:NTK65543 NJM65543:NJO65543 MZQ65543:MZS65543 MPU65543:MPW65543 MFY65543:MGA65543 LWC65543:LWE65543 LMG65543:LMI65543 LCK65543:LCM65543 KSO65543:KSQ65543 KIS65543:KIU65543 JYW65543:JYY65543 JPA65543:JPC65543 JFE65543:JFG65543 IVI65543:IVK65543 ILM65543:ILO65543 IBQ65543:IBS65543 HRU65543:HRW65543 HHY65543:HIA65543 GYC65543:GYE65543 GOG65543:GOI65543 GEK65543:GEM65543 FUO65543:FUQ65543 FKS65543:FKU65543 FAW65543:FAY65543 ERA65543:ERC65543 EHE65543:EHG65543 DXI65543:DXK65543 DNM65543:DNO65543 DDQ65543:DDS65543 CTU65543:CTW65543 CJY65543:CKA65543 CAC65543:CAE65543 BQG65543:BQI65543 BGK65543:BGM65543 AWO65543:AWQ65543 AMS65543:AMU65543 ACW65543:ACY65543 TA65543:TC65543 JE65543:JG65543 O65543:Q65543" xr:uid="{00000000-0002-0000-0600-000001000000}"/>
    <dataValidation type="custom" imeMode="halfAlpha" allowBlank="1" showInputMessage="1" showErrorMessage="1" sqref="WVK983038 WLO983038 WBS983038 VRW983038 VIA983038 UYE983038 UOI983038 UEM983038 TUQ983038 TKU983038 TAY983038 SRC983038 SHG983038 RXK983038 RNO983038 RDS983038 QTW983038 QKA983038 QAE983038 PQI983038 PGM983038 OWQ983038 OMU983038 OCY983038 NTC983038 NJG983038 MZK983038 MPO983038 MFS983038 LVW983038 LMA983038 LCE983038 KSI983038 KIM983038 JYQ983038 JOU983038 JEY983038 IVC983038 ILG983038 IBK983038 HRO983038 HHS983038 GXW983038 GOA983038 GEE983038 FUI983038 FKM983038 FAQ983038 EQU983038 EGY983038 DXC983038 DNG983038 DDK983038 CTO983038 CJS983038 BZW983038 BQA983038 BGE983038 AWI983038 AMM983038 ACQ983038 SU983038 IY983038 I983038 WVK917502 WLO917502 WBS917502 VRW917502 VIA917502 UYE917502 UOI917502 UEM917502 TUQ917502 TKU917502 TAY917502 SRC917502 SHG917502 RXK917502 RNO917502 RDS917502 QTW917502 QKA917502 QAE917502 PQI917502 PGM917502 OWQ917502 OMU917502 OCY917502 NTC917502 NJG917502 MZK917502 MPO917502 MFS917502 LVW917502 LMA917502 LCE917502 KSI917502 KIM917502 JYQ917502 JOU917502 JEY917502 IVC917502 ILG917502 IBK917502 HRO917502 HHS917502 GXW917502 GOA917502 GEE917502 FUI917502 FKM917502 FAQ917502 EQU917502 EGY917502 DXC917502 DNG917502 DDK917502 CTO917502 CJS917502 BZW917502 BQA917502 BGE917502 AWI917502 AMM917502 ACQ917502 SU917502 IY917502 I917502 WVK851966 WLO851966 WBS851966 VRW851966 VIA851966 UYE851966 UOI851966 UEM851966 TUQ851966 TKU851966 TAY851966 SRC851966 SHG851966 RXK851966 RNO851966 RDS851966 QTW851966 QKA851966 QAE851966 PQI851966 PGM851966 OWQ851966 OMU851966 OCY851966 NTC851966 NJG851966 MZK851966 MPO851966 MFS851966 LVW851966 LMA851966 LCE851966 KSI851966 KIM851966 JYQ851966 JOU851966 JEY851966 IVC851966 ILG851966 IBK851966 HRO851966 HHS851966 GXW851966 GOA851966 GEE851966 FUI851966 FKM851966 FAQ851966 EQU851966 EGY851966 DXC851966 DNG851966 DDK851966 CTO851966 CJS851966 BZW851966 BQA851966 BGE851966 AWI851966 AMM851966 ACQ851966 SU851966 IY851966 I851966 WVK786430 WLO786430 WBS786430 VRW786430 VIA786430 UYE786430 UOI786430 UEM786430 TUQ786430 TKU786430 TAY786430 SRC786430 SHG786430 RXK786430 RNO786430 RDS786430 QTW786430 QKA786430 QAE786430 PQI786430 PGM786430 OWQ786430 OMU786430 OCY786430 NTC786430 NJG786430 MZK786430 MPO786430 MFS786430 LVW786430 LMA786430 LCE786430 KSI786430 KIM786430 JYQ786430 JOU786430 JEY786430 IVC786430 ILG786430 IBK786430 HRO786430 HHS786430 GXW786430 GOA786430 GEE786430 FUI786430 FKM786430 FAQ786430 EQU786430 EGY786430 DXC786430 DNG786430 DDK786430 CTO786430 CJS786430 BZW786430 BQA786430 BGE786430 AWI786430 AMM786430 ACQ786430 SU786430 IY786430 I786430 WVK720894 WLO720894 WBS720894 VRW720894 VIA720894 UYE720894 UOI720894 UEM720894 TUQ720894 TKU720894 TAY720894 SRC720894 SHG720894 RXK720894 RNO720894 RDS720894 QTW720894 QKA720894 QAE720894 PQI720894 PGM720894 OWQ720894 OMU720894 OCY720894 NTC720894 NJG720894 MZK720894 MPO720894 MFS720894 LVW720894 LMA720894 LCE720894 KSI720894 KIM720894 JYQ720894 JOU720894 JEY720894 IVC720894 ILG720894 IBK720894 HRO720894 HHS720894 GXW720894 GOA720894 GEE720894 FUI720894 FKM720894 FAQ720894 EQU720894 EGY720894 DXC720894 DNG720894 DDK720894 CTO720894 CJS720894 BZW720894 BQA720894 BGE720894 AWI720894 AMM720894 ACQ720894 SU720894 IY720894 I720894 WVK655358 WLO655358 WBS655358 VRW655358 VIA655358 UYE655358 UOI655358 UEM655358 TUQ655358 TKU655358 TAY655358 SRC655358 SHG655358 RXK655358 RNO655358 RDS655358 QTW655358 QKA655358 QAE655358 PQI655358 PGM655358 OWQ655358 OMU655358 OCY655358 NTC655358 NJG655358 MZK655358 MPO655358 MFS655358 LVW655358 LMA655358 LCE655358 KSI655358 KIM655358 JYQ655358 JOU655358 JEY655358 IVC655358 ILG655358 IBK655358 HRO655358 HHS655358 GXW655358 GOA655358 GEE655358 FUI655358 FKM655358 FAQ655358 EQU655358 EGY655358 DXC655358 DNG655358 DDK655358 CTO655358 CJS655358 BZW655358 BQA655358 BGE655358 AWI655358 AMM655358 ACQ655358 SU655358 IY655358 I655358 WVK589822 WLO589822 WBS589822 VRW589822 VIA589822 UYE589822 UOI589822 UEM589822 TUQ589822 TKU589822 TAY589822 SRC589822 SHG589822 RXK589822 RNO589822 RDS589822 QTW589822 QKA589822 QAE589822 PQI589822 PGM589822 OWQ589822 OMU589822 OCY589822 NTC589822 NJG589822 MZK589822 MPO589822 MFS589822 LVW589822 LMA589822 LCE589822 KSI589822 KIM589822 JYQ589822 JOU589822 JEY589822 IVC589822 ILG589822 IBK589822 HRO589822 HHS589822 GXW589822 GOA589822 GEE589822 FUI589822 FKM589822 FAQ589822 EQU589822 EGY589822 DXC589822 DNG589822 DDK589822 CTO589822 CJS589822 BZW589822 BQA589822 BGE589822 AWI589822 AMM589822 ACQ589822 SU589822 IY589822 I589822 WVK524286 WLO524286 WBS524286 VRW524286 VIA524286 UYE524286 UOI524286 UEM524286 TUQ524286 TKU524286 TAY524286 SRC524286 SHG524286 RXK524286 RNO524286 RDS524286 QTW524286 QKA524286 QAE524286 PQI524286 PGM524286 OWQ524286 OMU524286 OCY524286 NTC524286 NJG524286 MZK524286 MPO524286 MFS524286 LVW524286 LMA524286 LCE524286 KSI524286 KIM524286 JYQ524286 JOU524286 JEY524286 IVC524286 ILG524286 IBK524286 HRO524286 HHS524286 GXW524286 GOA524286 GEE524286 FUI524286 FKM524286 FAQ524286 EQU524286 EGY524286 DXC524286 DNG524286 DDK524286 CTO524286 CJS524286 BZW524286 BQA524286 BGE524286 AWI524286 AMM524286 ACQ524286 SU524286 IY524286 I524286 WVK458750 WLO458750 WBS458750 VRW458750 VIA458750 UYE458750 UOI458750 UEM458750 TUQ458750 TKU458750 TAY458750 SRC458750 SHG458750 RXK458750 RNO458750 RDS458750 QTW458750 QKA458750 QAE458750 PQI458750 PGM458750 OWQ458750 OMU458750 OCY458750 NTC458750 NJG458750 MZK458750 MPO458750 MFS458750 LVW458750 LMA458750 LCE458750 KSI458750 KIM458750 JYQ458750 JOU458750 JEY458750 IVC458750 ILG458750 IBK458750 HRO458750 HHS458750 GXW458750 GOA458750 GEE458750 FUI458750 FKM458750 FAQ458750 EQU458750 EGY458750 DXC458750 DNG458750 DDK458750 CTO458750 CJS458750 BZW458750 BQA458750 BGE458750 AWI458750 AMM458750 ACQ458750 SU458750 IY458750 I458750 WVK393214 WLO393214 WBS393214 VRW393214 VIA393214 UYE393214 UOI393214 UEM393214 TUQ393214 TKU393214 TAY393214 SRC393214 SHG393214 RXK393214 RNO393214 RDS393214 QTW393214 QKA393214 QAE393214 PQI393214 PGM393214 OWQ393214 OMU393214 OCY393214 NTC393214 NJG393214 MZK393214 MPO393214 MFS393214 LVW393214 LMA393214 LCE393214 KSI393214 KIM393214 JYQ393214 JOU393214 JEY393214 IVC393214 ILG393214 IBK393214 HRO393214 HHS393214 GXW393214 GOA393214 GEE393214 FUI393214 FKM393214 FAQ393214 EQU393214 EGY393214 DXC393214 DNG393214 DDK393214 CTO393214 CJS393214 BZW393214 BQA393214 BGE393214 AWI393214 AMM393214 ACQ393214 SU393214 IY393214 I393214 WVK327678 WLO327678 WBS327678 VRW327678 VIA327678 UYE327678 UOI327678 UEM327678 TUQ327678 TKU327678 TAY327678 SRC327678 SHG327678 RXK327678 RNO327678 RDS327678 QTW327678 QKA327678 QAE327678 PQI327678 PGM327678 OWQ327678 OMU327678 OCY327678 NTC327678 NJG327678 MZK327678 MPO327678 MFS327678 LVW327678 LMA327678 LCE327678 KSI327678 KIM327678 JYQ327678 JOU327678 JEY327678 IVC327678 ILG327678 IBK327678 HRO327678 HHS327678 GXW327678 GOA327678 GEE327678 FUI327678 FKM327678 FAQ327678 EQU327678 EGY327678 DXC327678 DNG327678 DDK327678 CTO327678 CJS327678 BZW327678 BQA327678 BGE327678 AWI327678 AMM327678 ACQ327678 SU327678 IY327678 I327678 WVK262142 WLO262142 WBS262142 VRW262142 VIA262142 UYE262142 UOI262142 UEM262142 TUQ262142 TKU262142 TAY262142 SRC262142 SHG262142 RXK262142 RNO262142 RDS262142 QTW262142 QKA262142 QAE262142 PQI262142 PGM262142 OWQ262142 OMU262142 OCY262142 NTC262142 NJG262142 MZK262142 MPO262142 MFS262142 LVW262142 LMA262142 LCE262142 KSI262142 KIM262142 JYQ262142 JOU262142 JEY262142 IVC262142 ILG262142 IBK262142 HRO262142 HHS262142 GXW262142 GOA262142 GEE262142 FUI262142 FKM262142 FAQ262142 EQU262142 EGY262142 DXC262142 DNG262142 DDK262142 CTO262142 CJS262142 BZW262142 BQA262142 BGE262142 AWI262142 AMM262142 ACQ262142 SU262142 IY262142 I262142 WVK196606 WLO196606 WBS196606 VRW196606 VIA196606 UYE196606 UOI196606 UEM196606 TUQ196606 TKU196606 TAY196606 SRC196606 SHG196606 RXK196606 RNO196606 RDS196606 QTW196606 QKA196606 QAE196606 PQI196606 PGM196606 OWQ196606 OMU196606 OCY196606 NTC196606 NJG196606 MZK196606 MPO196606 MFS196606 LVW196606 LMA196606 LCE196606 KSI196606 KIM196606 JYQ196606 JOU196606 JEY196606 IVC196606 ILG196606 IBK196606 HRO196606 HHS196606 GXW196606 GOA196606 GEE196606 FUI196606 FKM196606 FAQ196606 EQU196606 EGY196606 DXC196606 DNG196606 DDK196606 CTO196606 CJS196606 BZW196606 BQA196606 BGE196606 AWI196606 AMM196606 ACQ196606 SU196606 IY196606 I196606 WVK131070 WLO131070 WBS131070 VRW131070 VIA131070 UYE131070 UOI131070 UEM131070 TUQ131070 TKU131070 TAY131070 SRC131070 SHG131070 RXK131070 RNO131070 RDS131070 QTW131070 QKA131070 QAE131070 PQI131070 PGM131070 OWQ131070 OMU131070 OCY131070 NTC131070 NJG131070 MZK131070 MPO131070 MFS131070 LVW131070 LMA131070 LCE131070 KSI131070 KIM131070 JYQ131070 JOU131070 JEY131070 IVC131070 ILG131070 IBK131070 HRO131070 HHS131070 GXW131070 GOA131070 GEE131070 FUI131070 FKM131070 FAQ131070 EQU131070 EGY131070 DXC131070 DNG131070 DDK131070 CTO131070 CJS131070 BZW131070 BQA131070 BGE131070 AWI131070 AMM131070 ACQ131070 SU131070 IY131070 I131070 WVK65534 WLO65534 WBS65534 VRW65534 VIA65534 UYE65534 UOI65534 UEM65534 TUQ65534 TKU65534 TAY65534 SRC65534 SHG65534 RXK65534 RNO65534 RDS65534 QTW65534 QKA65534 QAE65534 PQI65534 PGM65534 OWQ65534 OMU65534 OCY65534 NTC65534 NJG65534 MZK65534 MPO65534 MFS65534 LVW65534 LMA65534 LCE65534 KSI65534 KIM65534 JYQ65534 JOU65534 JEY65534 IVC65534 ILG65534 IBK65534 HRO65534 HHS65534 GXW65534 GOA65534 GEE65534 FUI65534 FKM65534 FAQ65534 EQU65534 EGY65534 DXC65534 DNG65534 DDK65534 CTO65534 CJS65534 BZW65534 BQA65534 BGE65534 AWI65534 AMM65534 ACQ65534 SU65534 IY65534 I65534" xr:uid="{00000000-0002-0000-0600-000002000000}">
      <formula1>I65534&amp;""=ASC(I65534)</formula1>
    </dataValidation>
    <dataValidation type="custom" allowBlank="1" showInputMessage="1" showErrorMessage="1" errorTitle="入力内容に誤りがあります" error="全角で入力してください" sqref="WVK983039:WVS983039 WLO983039:WLW983039 WBS983039:WCA983039 VRW983039:VSE983039 VIA983039:VII983039 UYE983039:UYM983039 UOI983039:UOQ983039 UEM983039:UEU983039 TUQ983039:TUY983039 TKU983039:TLC983039 TAY983039:TBG983039 SRC983039:SRK983039 SHG983039:SHO983039 RXK983039:RXS983039 RNO983039:RNW983039 RDS983039:REA983039 QTW983039:QUE983039 QKA983039:QKI983039 QAE983039:QAM983039 PQI983039:PQQ983039 PGM983039:PGU983039 OWQ983039:OWY983039 OMU983039:ONC983039 OCY983039:ODG983039 NTC983039:NTK983039 NJG983039:NJO983039 MZK983039:MZS983039 MPO983039:MPW983039 MFS983039:MGA983039 LVW983039:LWE983039 LMA983039:LMI983039 LCE983039:LCM983039 KSI983039:KSQ983039 KIM983039:KIU983039 JYQ983039:JYY983039 JOU983039:JPC983039 JEY983039:JFG983039 IVC983039:IVK983039 ILG983039:ILO983039 IBK983039:IBS983039 HRO983039:HRW983039 HHS983039:HIA983039 GXW983039:GYE983039 GOA983039:GOI983039 GEE983039:GEM983039 FUI983039:FUQ983039 FKM983039:FKU983039 FAQ983039:FAY983039 EQU983039:ERC983039 EGY983039:EHG983039 DXC983039:DXK983039 DNG983039:DNO983039 DDK983039:DDS983039 CTO983039:CTW983039 CJS983039:CKA983039 BZW983039:CAE983039 BQA983039:BQI983039 BGE983039:BGM983039 AWI983039:AWQ983039 AMM983039:AMU983039 ACQ983039:ACY983039 SU983039:TC983039 IY983039:JG983039 I983039:Q983039 WVK917503:WVS917503 WLO917503:WLW917503 WBS917503:WCA917503 VRW917503:VSE917503 VIA917503:VII917503 UYE917503:UYM917503 UOI917503:UOQ917503 UEM917503:UEU917503 TUQ917503:TUY917503 TKU917503:TLC917503 TAY917503:TBG917503 SRC917503:SRK917503 SHG917503:SHO917503 RXK917503:RXS917503 RNO917503:RNW917503 RDS917503:REA917503 QTW917503:QUE917503 QKA917503:QKI917503 QAE917503:QAM917503 PQI917503:PQQ917503 PGM917503:PGU917503 OWQ917503:OWY917503 OMU917503:ONC917503 OCY917503:ODG917503 NTC917503:NTK917503 NJG917503:NJO917503 MZK917503:MZS917503 MPO917503:MPW917503 MFS917503:MGA917503 LVW917503:LWE917503 LMA917503:LMI917503 LCE917503:LCM917503 KSI917503:KSQ917503 KIM917503:KIU917503 JYQ917503:JYY917503 JOU917503:JPC917503 JEY917503:JFG917503 IVC917503:IVK917503 ILG917503:ILO917503 IBK917503:IBS917503 HRO917503:HRW917503 HHS917503:HIA917503 GXW917503:GYE917503 GOA917503:GOI917503 GEE917503:GEM917503 FUI917503:FUQ917503 FKM917503:FKU917503 FAQ917503:FAY917503 EQU917503:ERC917503 EGY917503:EHG917503 DXC917503:DXK917503 DNG917503:DNO917503 DDK917503:DDS917503 CTO917503:CTW917503 CJS917503:CKA917503 BZW917503:CAE917503 BQA917503:BQI917503 BGE917503:BGM917503 AWI917503:AWQ917503 AMM917503:AMU917503 ACQ917503:ACY917503 SU917503:TC917503 IY917503:JG917503 I917503:Q917503 WVK851967:WVS851967 WLO851967:WLW851967 WBS851967:WCA851967 VRW851967:VSE851967 VIA851967:VII851967 UYE851967:UYM851967 UOI851967:UOQ851967 UEM851967:UEU851967 TUQ851967:TUY851967 TKU851967:TLC851967 TAY851967:TBG851967 SRC851967:SRK851967 SHG851967:SHO851967 RXK851967:RXS851967 RNO851967:RNW851967 RDS851967:REA851967 QTW851967:QUE851967 QKA851967:QKI851967 QAE851967:QAM851967 PQI851967:PQQ851967 PGM851967:PGU851967 OWQ851967:OWY851967 OMU851967:ONC851967 OCY851967:ODG851967 NTC851967:NTK851967 NJG851967:NJO851967 MZK851967:MZS851967 MPO851967:MPW851967 MFS851967:MGA851967 LVW851967:LWE851967 LMA851967:LMI851967 LCE851967:LCM851967 KSI851967:KSQ851967 KIM851967:KIU851967 JYQ851967:JYY851967 JOU851967:JPC851967 JEY851967:JFG851967 IVC851967:IVK851967 ILG851967:ILO851967 IBK851967:IBS851967 HRO851967:HRW851967 HHS851967:HIA851967 GXW851967:GYE851967 GOA851967:GOI851967 GEE851967:GEM851967 FUI851967:FUQ851967 FKM851967:FKU851967 FAQ851967:FAY851967 EQU851967:ERC851967 EGY851967:EHG851967 DXC851967:DXK851967 DNG851967:DNO851967 DDK851967:DDS851967 CTO851967:CTW851967 CJS851967:CKA851967 BZW851967:CAE851967 BQA851967:BQI851967 BGE851967:BGM851967 AWI851967:AWQ851967 AMM851967:AMU851967 ACQ851967:ACY851967 SU851967:TC851967 IY851967:JG851967 I851967:Q851967 WVK786431:WVS786431 WLO786431:WLW786431 WBS786431:WCA786431 VRW786431:VSE786431 VIA786431:VII786431 UYE786431:UYM786431 UOI786431:UOQ786431 UEM786431:UEU786431 TUQ786431:TUY786431 TKU786431:TLC786431 TAY786431:TBG786431 SRC786431:SRK786431 SHG786431:SHO786431 RXK786431:RXS786431 RNO786431:RNW786431 RDS786431:REA786431 QTW786431:QUE786431 QKA786431:QKI786431 QAE786431:QAM786431 PQI786431:PQQ786431 PGM786431:PGU786431 OWQ786431:OWY786431 OMU786431:ONC786431 OCY786431:ODG786431 NTC786431:NTK786431 NJG786431:NJO786431 MZK786431:MZS786431 MPO786431:MPW786431 MFS786431:MGA786431 LVW786431:LWE786431 LMA786431:LMI786431 LCE786431:LCM786431 KSI786431:KSQ786431 KIM786431:KIU786431 JYQ786431:JYY786431 JOU786431:JPC786431 JEY786431:JFG786431 IVC786431:IVK786431 ILG786431:ILO786431 IBK786431:IBS786431 HRO786431:HRW786431 HHS786431:HIA786431 GXW786431:GYE786431 GOA786431:GOI786431 GEE786431:GEM786431 FUI786431:FUQ786431 FKM786431:FKU786431 FAQ786431:FAY786431 EQU786431:ERC786431 EGY786431:EHG786431 DXC786431:DXK786431 DNG786431:DNO786431 DDK786431:DDS786431 CTO786431:CTW786431 CJS786431:CKA786431 BZW786431:CAE786431 BQA786431:BQI786431 BGE786431:BGM786431 AWI786431:AWQ786431 AMM786431:AMU786431 ACQ786431:ACY786431 SU786431:TC786431 IY786431:JG786431 I786431:Q786431 WVK720895:WVS720895 WLO720895:WLW720895 WBS720895:WCA720895 VRW720895:VSE720895 VIA720895:VII720895 UYE720895:UYM720895 UOI720895:UOQ720895 UEM720895:UEU720895 TUQ720895:TUY720895 TKU720895:TLC720895 TAY720895:TBG720895 SRC720895:SRK720895 SHG720895:SHO720895 RXK720895:RXS720895 RNO720895:RNW720895 RDS720895:REA720895 QTW720895:QUE720895 QKA720895:QKI720895 QAE720895:QAM720895 PQI720895:PQQ720895 PGM720895:PGU720895 OWQ720895:OWY720895 OMU720895:ONC720895 OCY720895:ODG720895 NTC720895:NTK720895 NJG720895:NJO720895 MZK720895:MZS720895 MPO720895:MPW720895 MFS720895:MGA720895 LVW720895:LWE720895 LMA720895:LMI720895 LCE720895:LCM720895 KSI720895:KSQ720895 KIM720895:KIU720895 JYQ720895:JYY720895 JOU720895:JPC720895 JEY720895:JFG720895 IVC720895:IVK720895 ILG720895:ILO720895 IBK720895:IBS720895 HRO720895:HRW720895 HHS720895:HIA720895 GXW720895:GYE720895 GOA720895:GOI720895 GEE720895:GEM720895 FUI720895:FUQ720895 FKM720895:FKU720895 FAQ720895:FAY720895 EQU720895:ERC720895 EGY720895:EHG720895 DXC720895:DXK720895 DNG720895:DNO720895 DDK720895:DDS720895 CTO720895:CTW720895 CJS720895:CKA720895 BZW720895:CAE720895 BQA720895:BQI720895 BGE720895:BGM720895 AWI720895:AWQ720895 AMM720895:AMU720895 ACQ720895:ACY720895 SU720895:TC720895 IY720895:JG720895 I720895:Q720895 WVK655359:WVS655359 WLO655359:WLW655359 WBS655359:WCA655359 VRW655359:VSE655359 VIA655359:VII655359 UYE655359:UYM655359 UOI655359:UOQ655359 UEM655359:UEU655359 TUQ655359:TUY655359 TKU655359:TLC655359 TAY655359:TBG655359 SRC655359:SRK655359 SHG655359:SHO655359 RXK655359:RXS655359 RNO655359:RNW655359 RDS655359:REA655359 QTW655359:QUE655359 QKA655359:QKI655359 QAE655359:QAM655359 PQI655359:PQQ655359 PGM655359:PGU655359 OWQ655359:OWY655359 OMU655359:ONC655359 OCY655359:ODG655359 NTC655359:NTK655359 NJG655359:NJO655359 MZK655359:MZS655359 MPO655359:MPW655359 MFS655359:MGA655359 LVW655359:LWE655359 LMA655359:LMI655359 LCE655359:LCM655359 KSI655359:KSQ655359 KIM655359:KIU655359 JYQ655359:JYY655359 JOU655359:JPC655359 JEY655359:JFG655359 IVC655359:IVK655359 ILG655359:ILO655359 IBK655359:IBS655359 HRO655359:HRW655359 HHS655359:HIA655359 GXW655359:GYE655359 GOA655359:GOI655359 GEE655359:GEM655359 FUI655359:FUQ655359 FKM655359:FKU655359 FAQ655359:FAY655359 EQU655359:ERC655359 EGY655359:EHG655359 DXC655359:DXK655359 DNG655359:DNO655359 DDK655359:DDS655359 CTO655359:CTW655359 CJS655359:CKA655359 BZW655359:CAE655359 BQA655359:BQI655359 BGE655359:BGM655359 AWI655359:AWQ655359 AMM655359:AMU655359 ACQ655359:ACY655359 SU655359:TC655359 IY655359:JG655359 I655359:Q655359 WVK589823:WVS589823 WLO589823:WLW589823 WBS589823:WCA589823 VRW589823:VSE589823 VIA589823:VII589823 UYE589823:UYM589823 UOI589823:UOQ589823 UEM589823:UEU589823 TUQ589823:TUY589823 TKU589823:TLC589823 TAY589823:TBG589823 SRC589823:SRK589823 SHG589823:SHO589823 RXK589823:RXS589823 RNO589823:RNW589823 RDS589823:REA589823 QTW589823:QUE589823 QKA589823:QKI589823 QAE589823:QAM589823 PQI589823:PQQ589823 PGM589823:PGU589823 OWQ589823:OWY589823 OMU589823:ONC589823 OCY589823:ODG589823 NTC589823:NTK589823 NJG589823:NJO589823 MZK589823:MZS589823 MPO589823:MPW589823 MFS589823:MGA589823 LVW589823:LWE589823 LMA589823:LMI589823 LCE589823:LCM589823 KSI589823:KSQ589823 KIM589823:KIU589823 JYQ589823:JYY589823 JOU589823:JPC589823 JEY589823:JFG589823 IVC589823:IVK589823 ILG589823:ILO589823 IBK589823:IBS589823 HRO589823:HRW589823 HHS589823:HIA589823 GXW589823:GYE589823 GOA589823:GOI589823 GEE589823:GEM589823 FUI589823:FUQ589823 FKM589823:FKU589823 FAQ589823:FAY589823 EQU589823:ERC589823 EGY589823:EHG589823 DXC589823:DXK589823 DNG589823:DNO589823 DDK589823:DDS589823 CTO589823:CTW589823 CJS589823:CKA589823 BZW589823:CAE589823 BQA589823:BQI589823 BGE589823:BGM589823 AWI589823:AWQ589823 AMM589823:AMU589823 ACQ589823:ACY589823 SU589823:TC589823 IY589823:JG589823 I589823:Q589823 WVK524287:WVS524287 WLO524287:WLW524287 WBS524287:WCA524287 VRW524287:VSE524287 VIA524287:VII524287 UYE524287:UYM524287 UOI524287:UOQ524287 UEM524287:UEU524287 TUQ524287:TUY524287 TKU524287:TLC524287 TAY524287:TBG524287 SRC524287:SRK524287 SHG524287:SHO524287 RXK524287:RXS524287 RNO524287:RNW524287 RDS524287:REA524287 QTW524287:QUE524287 QKA524287:QKI524287 QAE524287:QAM524287 PQI524287:PQQ524287 PGM524287:PGU524287 OWQ524287:OWY524287 OMU524287:ONC524287 OCY524287:ODG524287 NTC524287:NTK524287 NJG524287:NJO524287 MZK524287:MZS524287 MPO524287:MPW524287 MFS524287:MGA524287 LVW524287:LWE524287 LMA524287:LMI524287 LCE524287:LCM524287 KSI524287:KSQ524287 KIM524287:KIU524287 JYQ524287:JYY524287 JOU524287:JPC524287 JEY524287:JFG524287 IVC524287:IVK524287 ILG524287:ILO524287 IBK524287:IBS524287 HRO524287:HRW524287 HHS524287:HIA524287 GXW524287:GYE524287 GOA524287:GOI524287 GEE524287:GEM524287 FUI524287:FUQ524287 FKM524287:FKU524287 FAQ524287:FAY524287 EQU524287:ERC524287 EGY524287:EHG524287 DXC524287:DXK524287 DNG524287:DNO524287 DDK524287:DDS524287 CTO524287:CTW524287 CJS524287:CKA524287 BZW524287:CAE524287 BQA524287:BQI524287 BGE524287:BGM524287 AWI524287:AWQ524287 AMM524287:AMU524287 ACQ524287:ACY524287 SU524287:TC524287 IY524287:JG524287 I524287:Q524287 WVK458751:WVS458751 WLO458751:WLW458751 WBS458751:WCA458751 VRW458751:VSE458751 VIA458751:VII458751 UYE458751:UYM458751 UOI458751:UOQ458751 UEM458751:UEU458751 TUQ458751:TUY458751 TKU458751:TLC458751 TAY458751:TBG458751 SRC458751:SRK458751 SHG458751:SHO458751 RXK458751:RXS458751 RNO458751:RNW458751 RDS458751:REA458751 QTW458751:QUE458751 QKA458751:QKI458751 QAE458751:QAM458751 PQI458751:PQQ458751 PGM458751:PGU458751 OWQ458751:OWY458751 OMU458751:ONC458751 OCY458751:ODG458751 NTC458751:NTK458751 NJG458751:NJO458751 MZK458751:MZS458751 MPO458751:MPW458751 MFS458751:MGA458751 LVW458751:LWE458751 LMA458751:LMI458751 LCE458751:LCM458751 KSI458751:KSQ458751 KIM458751:KIU458751 JYQ458751:JYY458751 JOU458751:JPC458751 JEY458751:JFG458751 IVC458751:IVK458751 ILG458751:ILO458751 IBK458751:IBS458751 HRO458751:HRW458751 HHS458751:HIA458751 GXW458751:GYE458751 GOA458751:GOI458751 GEE458751:GEM458751 FUI458751:FUQ458751 FKM458751:FKU458751 FAQ458751:FAY458751 EQU458751:ERC458751 EGY458751:EHG458751 DXC458751:DXK458751 DNG458751:DNO458751 DDK458751:DDS458751 CTO458751:CTW458751 CJS458751:CKA458751 BZW458751:CAE458751 BQA458751:BQI458751 BGE458751:BGM458751 AWI458751:AWQ458751 AMM458751:AMU458751 ACQ458751:ACY458751 SU458751:TC458751 IY458751:JG458751 I458751:Q458751 WVK393215:WVS393215 WLO393215:WLW393215 WBS393215:WCA393215 VRW393215:VSE393215 VIA393215:VII393215 UYE393215:UYM393215 UOI393215:UOQ393215 UEM393215:UEU393215 TUQ393215:TUY393215 TKU393215:TLC393215 TAY393215:TBG393215 SRC393215:SRK393215 SHG393215:SHO393215 RXK393215:RXS393215 RNO393215:RNW393215 RDS393215:REA393215 QTW393215:QUE393215 QKA393215:QKI393215 QAE393215:QAM393215 PQI393215:PQQ393215 PGM393215:PGU393215 OWQ393215:OWY393215 OMU393215:ONC393215 OCY393215:ODG393215 NTC393215:NTK393215 NJG393215:NJO393215 MZK393215:MZS393215 MPO393215:MPW393215 MFS393215:MGA393215 LVW393215:LWE393215 LMA393215:LMI393215 LCE393215:LCM393215 KSI393215:KSQ393215 KIM393215:KIU393215 JYQ393215:JYY393215 JOU393215:JPC393215 JEY393215:JFG393215 IVC393215:IVK393215 ILG393215:ILO393215 IBK393215:IBS393215 HRO393215:HRW393215 HHS393215:HIA393215 GXW393215:GYE393215 GOA393215:GOI393215 GEE393215:GEM393215 FUI393215:FUQ393215 FKM393215:FKU393215 FAQ393215:FAY393215 EQU393215:ERC393215 EGY393215:EHG393215 DXC393215:DXK393215 DNG393215:DNO393215 DDK393215:DDS393215 CTO393215:CTW393215 CJS393215:CKA393215 BZW393215:CAE393215 BQA393215:BQI393215 BGE393215:BGM393215 AWI393215:AWQ393215 AMM393215:AMU393215 ACQ393215:ACY393215 SU393215:TC393215 IY393215:JG393215 I393215:Q393215 WVK327679:WVS327679 WLO327679:WLW327679 WBS327679:WCA327679 VRW327679:VSE327679 VIA327679:VII327679 UYE327679:UYM327679 UOI327679:UOQ327679 UEM327679:UEU327679 TUQ327679:TUY327679 TKU327679:TLC327679 TAY327679:TBG327679 SRC327679:SRK327679 SHG327679:SHO327679 RXK327679:RXS327679 RNO327679:RNW327679 RDS327679:REA327679 QTW327679:QUE327679 QKA327679:QKI327679 QAE327679:QAM327679 PQI327679:PQQ327679 PGM327679:PGU327679 OWQ327679:OWY327679 OMU327679:ONC327679 OCY327679:ODG327679 NTC327679:NTK327679 NJG327679:NJO327679 MZK327679:MZS327679 MPO327679:MPW327679 MFS327679:MGA327679 LVW327679:LWE327679 LMA327679:LMI327679 LCE327679:LCM327679 KSI327679:KSQ327679 KIM327679:KIU327679 JYQ327679:JYY327679 JOU327679:JPC327679 JEY327679:JFG327679 IVC327679:IVK327679 ILG327679:ILO327679 IBK327679:IBS327679 HRO327679:HRW327679 HHS327679:HIA327679 GXW327679:GYE327679 GOA327679:GOI327679 GEE327679:GEM327679 FUI327679:FUQ327679 FKM327679:FKU327679 FAQ327679:FAY327679 EQU327679:ERC327679 EGY327679:EHG327679 DXC327679:DXK327679 DNG327679:DNO327679 DDK327679:DDS327679 CTO327679:CTW327679 CJS327679:CKA327679 BZW327679:CAE327679 BQA327679:BQI327679 BGE327679:BGM327679 AWI327679:AWQ327679 AMM327679:AMU327679 ACQ327679:ACY327679 SU327679:TC327679 IY327679:JG327679 I327679:Q327679 WVK262143:WVS262143 WLO262143:WLW262143 WBS262143:WCA262143 VRW262143:VSE262143 VIA262143:VII262143 UYE262143:UYM262143 UOI262143:UOQ262143 UEM262143:UEU262143 TUQ262143:TUY262143 TKU262143:TLC262143 TAY262143:TBG262143 SRC262143:SRK262143 SHG262143:SHO262143 RXK262143:RXS262143 RNO262143:RNW262143 RDS262143:REA262143 QTW262143:QUE262143 QKA262143:QKI262143 QAE262143:QAM262143 PQI262143:PQQ262143 PGM262143:PGU262143 OWQ262143:OWY262143 OMU262143:ONC262143 OCY262143:ODG262143 NTC262143:NTK262143 NJG262143:NJO262143 MZK262143:MZS262143 MPO262143:MPW262143 MFS262143:MGA262143 LVW262143:LWE262143 LMA262143:LMI262143 LCE262143:LCM262143 KSI262143:KSQ262143 KIM262143:KIU262143 JYQ262143:JYY262143 JOU262143:JPC262143 JEY262143:JFG262143 IVC262143:IVK262143 ILG262143:ILO262143 IBK262143:IBS262143 HRO262143:HRW262143 HHS262143:HIA262143 GXW262143:GYE262143 GOA262143:GOI262143 GEE262143:GEM262143 FUI262143:FUQ262143 FKM262143:FKU262143 FAQ262143:FAY262143 EQU262143:ERC262143 EGY262143:EHG262143 DXC262143:DXK262143 DNG262143:DNO262143 DDK262143:DDS262143 CTO262143:CTW262143 CJS262143:CKA262143 BZW262143:CAE262143 BQA262143:BQI262143 BGE262143:BGM262143 AWI262143:AWQ262143 AMM262143:AMU262143 ACQ262143:ACY262143 SU262143:TC262143 IY262143:JG262143 I262143:Q262143 WVK196607:WVS196607 WLO196607:WLW196607 WBS196607:WCA196607 VRW196607:VSE196607 VIA196607:VII196607 UYE196607:UYM196607 UOI196607:UOQ196607 UEM196607:UEU196607 TUQ196607:TUY196607 TKU196607:TLC196607 TAY196607:TBG196607 SRC196607:SRK196607 SHG196607:SHO196607 RXK196607:RXS196607 RNO196607:RNW196607 RDS196607:REA196607 QTW196607:QUE196607 QKA196607:QKI196607 QAE196607:QAM196607 PQI196607:PQQ196607 PGM196607:PGU196607 OWQ196607:OWY196607 OMU196607:ONC196607 OCY196607:ODG196607 NTC196607:NTK196607 NJG196607:NJO196607 MZK196607:MZS196607 MPO196607:MPW196607 MFS196607:MGA196607 LVW196607:LWE196607 LMA196607:LMI196607 LCE196607:LCM196607 KSI196607:KSQ196607 KIM196607:KIU196607 JYQ196607:JYY196607 JOU196607:JPC196607 JEY196607:JFG196607 IVC196607:IVK196607 ILG196607:ILO196607 IBK196607:IBS196607 HRO196607:HRW196607 HHS196607:HIA196607 GXW196607:GYE196607 GOA196607:GOI196607 GEE196607:GEM196607 FUI196607:FUQ196607 FKM196607:FKU196607 FAQ196607:FAY196607 EQU196607:ERC196607 EGY196607:EHG196607 DXC196607:DXK196607 DNG196607:DNO196607 DDK196607:DDS196607 CTO196607:CTW196607 CJS196607:CKA196607 BZW196607:CAE196607 BQA196607:BQI196607 BGE196607:BGM196607 AWI196607:AWQ196607 AMM196607:AMU196607 ACQ196607:ACY196607 SU196607:TC196607 IY196607:JG196607 I196607:Q196607 WVK131071:WVS131071 WLO131071:WLW131071 WBS131071:WCA131071 VRW131071:VSE131071 VIA131071:VII131071 UYE131071:UYM131071 UOI131071:UOQ131071 UEM131071:UEU131071 TUQ131071:TUY131071 TKU131071:TLC131071 TAY131071:TBG131071 SRC131071:SRK131071 SHG131071:SHO131071 RXK131071:RXS131071 RNO131071:RNW131071 RDS131071:REA131071 QTW131071:QUE131071 QKA131071:QKI131071 QAE131071:QAM131071 PQI131071:PQQ131071 PGM131071:PGU131071 OWQ131071:OWY131071 OMU131071:ONC131071 OCY131071:ODG131071 NTC131071:NTK131071 NJG131071:NJO131071 MZK131071:MZS131071 MPO131071:MPW131071 MFS131071:MGA131071 LVW131071:LWE131071 LMA131071:LMI131071 LCE131071:LCM131071 KSI131071:KSQ131071 KIM131071:KIU131071 JYQ131071:JYY131071 JOU131071:JPC131071 JEY131071:JFG131071 IVC131071:IVK131071 ILG131071:ILO131071 IBK131071:IBS131071 HRO131071:HRW131071 HHS131071:HIA131071 GXW131071:GYE131071 GOA131071:GOI131071 GEE131071:GEM131071 FUI131071:FUQ131071 FKM131071:FKU131071 FAQ131071:FAY131071 EQU131071:ERC131071 EGY131071:EHG131071 DXC131071:DXK131071 DNG131071:DNO131071 DDK131071:DDS131071 CTO131071:CTW131071 CJS131071:CKA131071 BZW131071:CAE131071 BQA131071:BQI131071 BGE131071:BGM131071 AWI131071:AWQ131071 AMM131071:AMU131071 ACQ131071:ACY131071 SU131071:TC131071 IY131071:JG131071 I131071:Q131071 WVK65535:WVS65535 WLO65535:WLW65535 WBS65535:WCA65535 VRW65535:VSE65535 VIA65535:VII65535 UYE65535:UYM65535 UOI65535:UOQ65535 UEM65535:UEU65535 TUQ65535:TUY65535 TKU65535:TLC65535 TAY65535:TBG65535 SRC65535:SRK65535 SHG65535:SHO65535 RXK65535:RXS65535 RNO65535:RNW65535 RDS65535:REA65535 QTW65535:QUE65535 QKA65535:QKI65535 QAE65535:QAM65535 PQI65535:PQQ65535 PGM65535:PGU65535 OWQ65535:OWY65535 OMU65535:ONC65535 OCY65535:ODG65535 NTC65535:NTK65535 NJG65535:NJO65535 MZK65535:MZS65535 MPO65535:MPW65535 MFS65535:MGA65535 LVW65535:LWE65535 LMA65535:LMI65535 LCE65535:LCM65535 KSI65535:KSQ65535 KIM65535:KIU65535 JYQ65535:JYY65535 JOU65535:JPC65535 JEY65535:JFG65535 IVC65535:IVK65535 ILG65535:ILO65535 IBK65535:IBS65535 HRO65535:HRW65535 HHS65535:HIA65535 GXW65535:GYE65535 GOA65535:GOI65535 GEE65535:GEM65535 FUI65535:FUQ65535 FKM65535:FKU65535 FAQ65535:FAY65535 EQU65535:ERC65535 EGY65535:EHG65535 DXC65535:DXK65535 DNG65535:DNO65535 DDK65535:DDS65535 CTO65535:CTW65535 CJS65535:CKA65535 BZW65535:CAE65535 BQA65535:BQI65535 BGE65535:BGM65535 AWI65535:AWQ65535 AMM65535:AMU65535 ACQ65535:ACY65535 SU65535:TC65535 IY65535:JG65535 I65535:Q65535 WVE983038 WLI983038 WBM983038 VRQ983038 VHU983038 UXY983038 UOC983038 UEG983038 TUK983038 TKO983038 TAS983038 SQW983038 SHA983038 RXE983038 RNI983038 RDM983038 QTQ983038 QJU983038 PZY983038 PQC983038 PGG983038 OWK983038 OMO983038 OCS983038 NSW983038 NJA983038 MZE983038 MPI983038 MFM983038 LVQ983038 LLU983038 LBY983038 KSC983038 KIG983038 JYK983038 JOO983038 JES983038 IUW983038 ILA983038 IBE983038 HRI983038 HHM983038 GXQ983038 GNU983038 GDY983038 FUC983038 FKG983038 FAK983038 EQO983038 EGS983038 DWW983038 DNA983038 DDE983038 CTI983038 CJM983038 BZQ983038 BPU983038 BFY983038 AWC983038 AMG983038 ACK983038 SO983038 IS983038 C983038 WVE917502 WLI917502 WBM917502 VRQ917502 VHU917502 UXY917502 UOC917502 UEG917502 TUK917502 TKO917502 TAS917502 SQW917502 SHA917502 RXE917502 RNI917502 RDM917502 QTQ917502 QJU917502 PZY917502 PQC917502 PGG917502 OWK917502 OMO917502 OCS917502 NSW917502 NJA917502 MZE917502 MPI917502 MFM917502 LVQ917502 LLU917502 LBY917502 KSC917502 KIG917502 JYK917502 JOO917502 JES917502 IUW917502 ILA917502 IBE917502 HRI917502 HHM917502 GXQ917502 GNU917502 GDY917502 FUC917502 FKG917502 FAK917502 EQO917502 EGS917502 DWW917502 DNA917502 DDE917502 CTI917502 CJM917502 BZQ917502 BPU917502 BFY917502 AWC917502 AMG917502 ACK917502 SO917502 IS917502 C917502 WVE851966 WLI851966 WBM851966 VRQ851966 VHU851966 UXY851966 UOC851966 UEG851966 TUK851966 TKO851966 TAS851966 SQW851966 SHA851966 RXE851966 RNI851966 RDM851966 QTQ851966 QJU851966 PZY851966 PQC851966 PGG851966 OWK851966 OMO851966 OCS851966 NSW851966 NJA851966 MZE851966 MPI851966 MFM851966 LVQ851966 LLU851966 LBY851966 KSC851966 KIG851966 JYK851966 JOO851966 JES851966 IUW851966 ILA851966 IBE851966 HRI851966 HHM851966 GXQ851966 GNU851966 GDY851966 FUC851966 FKG851966 FAK851966 EQO851966 EGS851966 DWW851966 DNA851966 DDE851966 CTI851966 CJM851966 BZQ851966 BPU851966 BFY851966 AWC851966 AMG851966 ACK851966 SO851966 IS851966 C851966 WVE786430 WLI786430 WBM786430 VRQ786430 VHU786430 UXY786430 UOC786430 UEG786430 TUK786430 TKO786430 TAS786430 SQW786430 SHA786430 RXE786430 RNI786430 RDM786430 QTQ786430 QJU786430 PZY786430 PQC786430 PGG786430 OWK786430 OMO786430 OCS786430 NSW786430 NJA786430 MZE786430 MPI786430 MFM786430 LVQ786430 LLU786430 LBY786430 KSC786430 KIG786430 JYK786430 JOO786430 JES786430 IUW786430 ILA786430 IBE786430 HRI786430 HHM786430 GXQ786430 GNU786430 GDY786430 FUC786430 FKG786430 FAK786430 EQO786430 EGS786430 DWW786430 DNA786430 DDE786430 CTI786430 CJM786430 BZQ786430 BPU786430 BFY786430 AWC786430 AMG786430 ACK786430 SO786430 IS786430 C786430 WVE720894 WLI720894 WBM720894 VRQ720894 VHU720894 UXY720894 UOC720894 UEG720894 TUK720894 TKO720894 TAS720894 SQW720894 SHA720894 RXE720894 RNI720894 RDM720894 QTQ720894 QJU720894 PZY720894 PQC720894 PGG720894 OWK720894 OMO720894 OCS720894 NSW720894 NJA720894 MZE720894 MPI720894 MFM720894 LVQ720894 LLU720894 LBY720894 KSC720894 KIG720894 JYK720894 JOO720894 JES720894 IUW720894 ILA720894 IBE720894 HRI720894 HHM720894 GXQ720894 GNU720894 GDY720894 FUC720894 FKG720894 FAK720894 EQO720894 EGS720894 DWW720894 DNA720894 DDE720894 CTI720894 CJM720894 BZQ720894 BPU720894 BFY720894 AWC720894 AMG720894 ACK720894 SO720894 IS720894 C720894 WVE655358 WLI655358 WBM655358 VRQ655358 VHU655358 UXY655358 UOC655358 UEG655358 TUK655358 TKO655358 TAS655358 SQW655358 SHA655358 RXE655358 RNI655358 RDM655358 QTQ655358 QJU655358 PZY655358 PQC655358 PGG655358 OWK655358 OMO655358 OCS655358 NSW655358 NJA655358 MZE655358 MPI655358 MFM655358 LVQ655358 LLU655358 LBY655358 KSC655358 KIG655358 JYK655358 JOO655358 JES655358 IUW655358 ILA655358 IBE655358 HRI655358 HHM655358 GXQ655358 GNU655358 GDY655358 FUC655358 FKG655358 FAK655358 EQO655358 EGS655358 DWW655358 DNA655358 DDE655358 CTI655358 CJM655358 BZQ655358 BPU655358 BFY655358 AWC655358 AMG655358 ACK655358 SO655358 IS655358 C655358 WVE589822 WLI589822 WBM589822 VRQ589822 VHU589822 UXY589822 UOC589822 UEG589822 TUK589822 TKO589822 TAS589822 SQW589822 SHA589822 RXE589822 RNI589822 RDM589822 QTQ589822 QJU589822 PZY589822 PQC589822 PGG589822 OWK589822 OMO589822 OCS589822 NSW589822 NJA589822 MZE589822 MPI589822 MFM589822 LVQ589822 LLU589822 LBY589822 KSC589822 KIG589822 JYK589822 JOO589822 JES589822 IUW589822 ILA589822 IBE589822 HRI589822 HHM589822 GXQ589822 GNU589822 GDY589822 FUC589822 FKG589822 FAK589822 EQO589822 EGS589822 DWW589822 DNA589822 DDE589822 CTI589822 CJM589822 BZQ589822 BPU589822 BFY589822 AWC589822 AMG589822 ACK589822 SO589822 IS589822 C589822 WVE524286 WLI524286 WBM524286 VRQ524286 VHU524286 UXY524286 UOC524286 UEG524286 TUK524286 TKO524286 TAS524286 SQW524286 SHA524286 RXE524286 RNI524286 RDM524286 QTQ524286 QJU524286 PZY524286 PQC524286 PGG524286 OWK524286 OMO524286 OCS524286 NSW524286 NJA524286 MZE524286 MPI524286 MFM524286 LVQ524286 LLU524286 LBY524286 KSC524286 KIG524286 JYK524286 JOO524286 JES524286 IUW524286 ILA524286 IBE524286 HRI524286 HHM524286 GXQ524286 GNU524286 GDY524286 FUC524286 FKG524286 FAK524286 EQO524286 EGS524286 DWW524286 DNA524286 DDE524286 CTI524286 CJM524286 BZQ524286 BPU524286 BFY524286 AWC524286 AMG524286 ACK524286 SO524286 IS524286 C524286 WVE458750 WLI458750 WBM458750 VRQ458750 VHU458750 UXY458750 UOC458750 UEG458750 TUK458750 TKO458750 TAS458750 SQW458750 SHA458750 RXE458750 RNI458750 RDM458750 QTQ458750 QJU458750 PZY458750 PQC458750 PGG458750 OWK458750 OMO458750 OCS458750 NSW458750 NJA458750 MZE458750 MPI458750 MFM458750 LVQ458750 LLU458750 LBY458750 KSC458750 KIG458750 JYK458750 JOO458750 JES458750 IUW458750 ILA458750 IBE458750 HRI458750 HHM458750 GXQ458750 GNU458750 GDY458750 FUC458750 FKG458750 FAK458750 EQO458750 EGS458750 DWW458750 DNA458750 DDE458750 CTI458750 CJM458750 BZQ458750 BPU458750 BFY458750 AWC458750 AMG458750 ACK458750 SO458750 IS458750 C458750 WVE393214 WLI393214 WBM393214 VRQ393214 VHU393214 UXY393214 UOC393214 UEG393214 TUK393214 TKO393214 TAS393214 SQW393214 SHA393214 RXE393214 RNI393214 RDM393214 QTQ393214 QJU393214 PZY393214 PQC393214 PGG393214 OWK393214 OMO393214 OCS393214 NSW393214 NJA393214 MZE393214 MPI393214 MFM393214 LVQ393214 LLU393214 LBY393214 KSC393214 KIG393214 JYK393214 JOO393214 JES393214 IUW393214 ILA393214 IBE393214 HRI393214 HHM393214 GXQ393214 GNU393214 GDY393214 FUC393214 FKG393214 FAK393214 EQO393214 EGS393214 DWW393214 DNA393214 DDE393214 CTI393214 CJM393214 BZQ393214 BPU393214 BFY393214 AWC393214 AMG393214 ACK393214 SO393214 IS393214 C393214 WVE327678 WLI327678 WBM327678 VRQ327678 VHU327678 UXY327678 UOC327678 UEG327678 TUK327678 TKO327678 TAS327678 SQW327678 SHA327678 RXE327678 RNI327678 RDM327678 QTQ327678 QJU327678 PZY327678 PQC327678 PGG327678 OWK327678 OMO327678 OCS327678 NSW327678 NJA327678 MZE327678 MPI327678 MFM327678 LVQ327678 LLU327678 LBY327678 KSC327678 KIG327678 JYK327678 JOO327678 JES327678 IUW327678 ILA327678 IBE327678 HRI327678 HHM327678 GXQ327678 GNU327678 GDY327678 FUC327678 FKG327678 FAK327678 EQO327678 EGS327678 DWW327678 DNA327678 DDE327678 CTI327678 CJM327678 BZQ327678 BPU327678 BFY327678 AWC327678 AMG327678 ACK327678 SO327678 IS327678 C327678 WVE262142 WLI262142 WBM262142 VRQ262142 VHU262142 UXY262142 UOC262142 UEG262142 TUK262142 TKO262142 TAS262142 SQW262142 SHA262142 RXE262142 RNI262142 RDM262142 QTQ262142 QJU262142 PZY262142 PQC262142 PGG262142 OWK262142 OMO262142 OCS262142 NSW262142 NJA262142 MZE262142 MPI262142 MFM262142 LVQ262142 LLU262142 LBY262142 KSC262142 KIG262142 JYK262142 JOO262142 JES262142 IUW262142 ILA262142 IBE262142 HRI262142 HHM262142 GXQ262142 GNU262142 GDY262142 FUC262142 FKG262142 FAK262142 EQO262142 EGS262142 DWW262142 DNA262142 DDE262142 CTI262142 CJM262142 BZQ262142 BPU262142 BFY262142 AWC262142 AMG262142 ACK262142 SO262142 IS262142 C262142 WVE196606 WLI196606 WBM196606 VRQ196606 VHU196606 UXY196606 UOC196606 UEG196606 TUK196606 TKO196606 TAS196606 SQW196606 SHA196606 RXE196606 RNI196606 RDM196606 QTQ196606 QJU196606 PZY196606 PQC196606 PGG196606 OWK196606 OMO196606 OCS196606 NSW196606 NJA196606 MZE196606 MPI196606 MFM196606 LVQ196606 LLU196606 LBY196606 KSC196606 KIG196606 JYK196606 JOO196606 JES196606 IUW196606 ILA196606 IBE196606 HRI196606 HHM196606 GXQ196606 GNU196606 GDY196606 FUC196606 FKG196606 FAK196606 EQO196606 EGS196606 DWW196606 DNA196606 DDE196606 CTI196606 CJM196606 BZQ196606 BPU196606 BFY196606 AWC196606 AMG196606 ACK196606 SO196606 IS196606 C196606 WVE131070 WLI131070 WBM131070 VRQ131070 VHU131070 UXY131070 UOC131070 UEG131070 TUK131070 TKO131070 TAS131070 SQW131070 SHA131070 RXE131070 RNI131070 RDM131070 QTQ131070 QJU131070 PZY131070 PQC131070 PGG131070 OWK131070 OMO131070 OCS131070 NSW131070 NJA131070 MZE131070 MPI131070 MFM131070 LVQ131070 LLU131070 LBY131070 KSC131070 KIG131070 JYK131070 JOO131070 JES131070 IUW131070 ILA131070 IBE131070 HRI131070 HHM131070 GXQ131070 GNU131070 GDY131070 FUC131070 FKG131070 FAK131070 EQO131070 EGS131070 DWW131070 DNA131070 DDE131070 CTI131070 CJM131070 BZQ131070 BPU131070 BFY131070 AWC131070 AMG131070 ACK131070 SO131070 IS131070 C131070 WVE65534 WLI65534 WBM65534 VRQ65534 VHU65534 UXY65534 UOC65534 UEG65534 TUK65534 TKO65534 TAS65534 SQW65534 SHA65534 RXE65534 RNI65534 RDM65534 QTQ65534 QJU65534 PZY65534 PQC65534 PGG65534 OWK65534 OMO65534 OCS65534 NSW65534 NJA65534 MZE65534 MPI65534 MFM65534 LVQ65534 LLU65534 LBY65534 KSC65534 KIG65534 JYK65534 JOO65534 JES65534 IUW65534 ILA65534 IBE65534 HRI65534 HHM65534 GXQ65534 GNU65534 GDY65534 FUC65534 FKG65534 FAK65534 EQO65534 EGS65534 DWW65534 DNA65534 DDE65534 CTI65534 CJM65534 BZQ65534 BPU65534 BFY65534 AWC65534 AMG65534 ACK65534 SO65534 IS65534 C65534" xr:uid="{00000000-0002-0000-0600-000003000000}">
      <formula1>C65534=DBCS(C65534)</formula1>
    </dataValidation>
    <dataValidation type="custom" allowBlank="1" showInputMessage="1" showErrorMessage="1" errorTitle="全角英数字" error="全角英数字で入力してください" sqref="WVF983020:WVQ983022 WLJ983020:WLU983022 WBN983020:WBY983022 VRR983020:VSC983022 VHV983020:VIG983022 UXZ983020:UYK983022 UOD983020:UOO983022 UEH983020:UES983022 TUL983020:TUW983022 TKP983020:TLA983022 TAT983020:TBE983022 SQX983020:SRI983022 SHB983020:SHM983022 RXF983020:RXQ983022 RNJ983020:RNU983022 RDN983020:RDY983022 QTR983020:QUC983022 QJV983020:QKG983022 PZZ983020:QAK983022 PQD983020:PQO983022 PGH983020:PGS983022 OWL983020:OWW983022 OMP983020:ONA983022 OCT983020:ODE983022 NSX983020:NTI983022 NJB983020:NJM983022 MZF983020:MZQ983022 MPJ983020:MPU983022 MFN983020:MFY983022 LVR983020:LWC983022 LLV983020:LMG983022 LBZ983020:LCK983022 KSD983020:KSO983022 KIH983020:KIS983022 JYL983020:JYW983022 JOP983020:JPA983022 JET983020:JFE983022 IUX983020:IVI983022 ILB983020:ILM983022 IBF983020:IBQ983022 HRJ983020:HRU983022 HHN983020:HHY983022 GXR983020:GYC983022 GNV983020:GOG983022 GDZ983020:GEK983022 FUD983020:FUO983022 FKH983020:FKS983022 FAL983020:FAW983022 EQP983020:ERA983022 EGT983020:EHE983022 DWX983020:DXI983022 DNB983020:DNM983022 DDF983020:DDQ983022 CTJ983020:CTU983022 CJN983020:CJY983022 BZR983020:CAC983022 BPV983020:BQG983022 BFZ983020:BGK983022 AWD983020:AWO983022 AMH983020:AMS983022 ACL983020:ACW983022 SP983020:TA983022 IT983020:JE983022 D983020:O983022 WVF917484:WVQ917486 WLJ917484:WLU917486 WBN917484:WBY917486 VRR917484:VSC917486 VHV917484:VIG917486 UXZ917484:UYK917486 UOD917484:UOO917486 UEH917484:UES917486 TUL917484:TUW917486 TKP917484:TLA917486 TAT917484:TBE917486 SQX917484:SRI917486 SHB917484:SHM917486 RXF917484:RXQ917486 RNJ917484:RNU917486 RDN917484:RDY917486 QTR917484:QUC917486 QJV917484:QKG917486 PZZ917484:QAK917486 PQD917484:PQO917486 PGH917484:PGS917486 OWL917484:OWW917486 OMP917484:ONA917486 OCT917484:ODE917486 NSX917484:NTI917486 NJB917484:NJM917486 MZF917484:MZQ917486 MPJ917484:MPU917486 MFN917484:MFY917486 LVR917484:LWC917486 LLV917484:LMG917486 LBZ917484:LCK917486 KSD917484:KSO917486 KIH917484:KIS917486 JYL917484:JYW917486 JOP917484:JPA917486 JET917484:JFE917486 IUX917484:IVI917486 ILB917484:ILM917486 IBF917484:IBQ917486 HRJ917484:HRU917486 HHN917484:HHY917486 GXR917484:GYC917486 GNV917484:GOG917486 GDZ917484:GEK917486 FUD917484:FUO917486 FKH917484:FKS917486 FAL917484:FAW917486 EQP917484:ERA917486 EGT917484:EHE917486 DWX917484:DXI917486 DNB917484:DNM917486 DDF917484:DDQ917486 CTJ917484:CTU917486 CJN917484:CJY917486 BZR917484:CAC917486 BPV917484:BQG917486 BFZ917484:BGK917486 AWD917484:AWO917486 AMH917484:AMS917486 ACL917484:ACW917486 SP917484:TA917486 IT917484:JE917486 D917484:O917486 WVF851948:WVQ851950 WLJ851948:WLU851950 WBN851948:WBY851950 VRR851948:VSC851950 VHV851948:VIG851950 UXZ851948:UYK851950 UOD851948:UOO851950 UEH851948:UES851950 TUL851948:TUW851950 TKP851948:TLA851950 TAT851948:TBE851950 SQX851948:SRI851950 SHB851948:SHM851950 RXF851948:RXQ851950 RNJ851948:RNU851950 RDN851948:RDY851950 QTR851948:QUC851950 QJV851948:QKG851950 PZZ851948:QAK851950 PQD851948:PQO851950 PGH851948:PGS851950 OWL851948:OWW851950 OMP851948:ONA851950 OCT851948:ODE851950 NSX851948:NTI851950 NJB851948:NJM851950 MZF851948:MZQ851950 MPJ851948:MPU851950 MFN851948:MFY851950 LVR851948:LWC851950 LLV851948:LMG851950 LBZ851948:LCK851950 KSD851948:KSO851950 KIH851948:KIS851950 JYL851948:JYW851950 JOP851948:JPA851950 JET851948:JFE851950 IUX851948:IVI851950 ILB851948:ILM851950 IBF851948:IBQ851950 HRJ851948:HRU851950 HHN851948:HHY851950 GXR851948:GYC851950 GNV851948:GOG851950 GDZ851948:GEK851950 FUD851948:FUO851950 FKH851948:FKS851950 FAL851948:FAW851950 EQP851948:ERA851950 EGT851948:EHE851950 DWX851948:DXI851950 DNB851948:DNM851950 DDF851948:DDQ851950 CTJ851948:CTU851950 CJN851948:CJY851950 BZR851948:CAC851950 BPV851948:BQG851950 BFZ851948:BGK851950 AWD851948:AWO851950 AMH851948:AMS851950 ACL851948:ACW851950 SP851948:TA851950 IT851948:JE851950 D851948:O851950 WVF786412:WVQ786414 WLJ786412:WLU786414 WBN786412:WBY786414 VRR786412:VSC786414 VHV786412:VIG786414 UXZ786412:UYK786414 UOD786412:UOO786414 UEH786412:UES786414 TUL786412:TUW786414 TKP786412:TLA786414 TAT786412:TBE786414 SQX786412:SRI786414 SHB786412:SHM786414 RXF786412:RXQ786414 RNJ786412:RNU786414 RDN786412:RDY786414 QTR786412:QUC786414 QJV786412:QKG786414 PZZ786412:QAK786414 PQD786412:PQO786414 PGH786412:PGS786414 OWL786412:OWW786414 OMP786412:ONA786414 OCT786412:ODE786414 NSX786412:NTI786414 NJB786412:NJM786414 MZF786412:MZQ786414 MPJ786412:MPU786414 MFN786412:MFY786414 LVR786412:LWC786414 LLV786412:LMG786414 LBZ786412:LCK786414 KSD786412:KSO786414 KIH786412:KIS786414 JYL786412:JYW786414 JOP786412:JPA786414 JET786412:JFE786414 IUX786412:IVI786414 ILB786412:ILM786414 IBF786412:IBQ786414 HRJ786412:HRU786414 HHN786412:HHY786414 GXR786412:GYC786414 GNV786412:GOG786414 GDZ786412:GEK786414 FUD786412:FUO786414 FKH786412:FKS786414 FAL786412:FAW786414 EQP786412:ERA786414 EGT786412:EHE786414 DWX786412:DXI786414 DNB786412:DNM786414 DDF786412:DDQ786414 CTJ786412:CTU786414 CJN786412:CJY786414 BZR786412:CAC786414 BPV786412:BQG786414 BFZ786412:BGK786414 AWD786412:AWO786414 AMH786412:AMS786414 ACL786412:ACW786414 SP786412:TA786414 IT786412:JE786414 D786412:O786414 WVF720876:WVQ720878 WLJ720876:WLU720878 WBN720876:WBY720878 VRR720876:VSC720878 VHV720876:VIG720878 UXZ720876:UYK720878 UOD720876:UOO720878 UEH720876:UES720878 TUL720876:TUW720878 TKP720876:TLA720878 TAT720876:TBE720878 SQX720876:SRI720878 SHB720876:SHM720878 RXF720876:RXQ720878 RNJ720876:RNU720878 RDN720876:RDY720878 QTR720876:QUC720878 QJV720876:QKG720878 PZZ720876:QAK720878 PQD720876:PQO720878 PGH720876:PGS720878 OWL720876:OWW720878 OMP720876:ONA720878 OCT720876:ODE720878 NSX720876:NTI720878 NJB720876:NJM720878 MZF720876:MZQ720878 MPJ720876:MPU720878 MFN720876:MFY720878 LVR720876:LWC720878 LLV720876:LMG720878 LBZ720876:LCK720878 KSD720876:KSO720878 KIH720876:KIS720878 JYL720876:JYW720878 JOP720876:JPA720878 JET720876:JFE720878 IUX720876:IVI720878 ILB720876:ILM720878 IBF720876:IBQ720878 HRJ720876:HRU720878 HHN720876:HHY720878 GXR720876:GYC720878 GNV720876:GOG720878 GDZ720876:GEK720878 FUD720876:FUO720878 FKH720876:FKS720878 FAL720876:FAW720878 EQP720876:ERA720878 EGT720876:EHE720878 DWX720876:DXI720878 DNB720876:DNM720878 DDF720876:DDQ720878 CTJ720876:CTU720878 CJN720876:CJY720878 BZR720876:CAC720878 BPV720876:BQG720878 BFZ720876:BGK720878 AWD720876:AWO720878 AMH720876:AMS720878 ACL720876:ACW720878 SP720876:TA720878 IT720876:JE720878 D720876:O720878 WVF655340:WVQ655342 WLJ655340:WLU655342 WBN655340:WBY655342 VRR655340:VSC655342 VHV655340:VIG655342 UXZ655340:UYK655342 UOD655340:UOO655342 UEH655340:UES655342 TUL655340:TUW655342 TKP655340:TLA655342 TAT655340:TBE655342 SQX655340:SRI655342 SHB655340:SHM655342 RXF655340:RXQ655342 RNJ655340:RNU655342 RDN655340:RDY655342 QTR655340:QUC655342 QJV655340:QKG655342 PZZ655340:QAK655342 PQD655340:PQO655342 PGH655340:PGS655342 OWL655340:OWW655342 OMP655340:ONA655342 OCT655340:ODE655342 NSX655340:NTI655342 NJB655340:NJM655342 MZF655340:MZQ655342 MPJ655340:MPU655342 MFN655340:MFY655342 LVR655340:LWC655342 LLV655340:LMG655342 LBZ655340:LCK655342 KSD655340:KSO655342 KIH655340:KIS655342 JYL655340:JYW655342 JOP655340:JPA655342 JET655340:JFE655342 IUX655340:IVI655342 ILB655340:ILM655342 IBF655340:IBQ655342 HRJ655340:HRU655342 HHN655340:HHY655342 GXR655340:GYC655342 GNV655340:GOG655342 GDZ655340:GEK655342 FUD655340:FUO655342 FKH655340:FKS655342 FAL655340:FAW655342 EQP655340:ERA655342 EGT655340:EHE655342 DWX655340:DXI655342 DNB655340:DNM655342 DDF655340:DDQ655342 CTJ655340:CTU655342 CJN655340:CJY655342 BZR655340:CAC655342 BPV655340:BQG655342 BFZ655340:BGK655342 AWD655340:AWO655342 AMH655340:AMS655342 ACL655340:ACW655342 SP655340:TA655342 IT655340:JE655342 D655340:O655342 WVF589804:WVQ589806 WLJ589804:WLU589806 WBN589804:WBY589806 VRR589804:VSC589806 VHV589804:VIG589806 UXZ589804:UYK589806 UOD589804:UOO589806 UEH589804:UES589806 TUL589804:TUW589806 TKP589804:TLA589806 TAT589804:TBE589806 SQX589804:SRI589806 SHB589804:SHM589806 RXF589804:RXQ589806 RNJ589804:RNU589806 RDN589804:RDY589806 QTR589804:QUC589806 QJV589804:QKG589806 PZZ589804:QAK589806 PQD589804:PQO589806 PGH589804:PGS589806 OWL589804:OWW589806 OMP589804:ONA589806 OCT589804:ODE589806 NSX589804:NTI589806 NJB589804:NJM589806 MZF589804:MZQ589806 MPJ589804:MPU589806 MFN589804:MFY589806 LVR589804:LWC589806 LLV589804:LMG589806 LBZ589804:LCK589806 KSD589804:KSO589806 KIH589804:KIS589806 JYL589804:JYW589806 JOP589804:JPA589806 JET589804:JFE589806 IUX589804:IVI589806 ILB589804:ILM589806 IBF589804:IBQ589806 HRJ589804:HRU589806 HHN589804:HHY589806 GXR589804:GYC589806 GNV589804:GOG589806 GDZ589804:GEK589806 FUD589804:FUO589806 FKH589804:FKS589806 FAL589804:FAW589806 EQP589804:ERA589806 EGT589804:EHE589806 DWX589804:DXI589806 DNB589804:DNM589806 DDF589804:DDQ589806 CTJ589804:CTU589806 CJN589804:CJY589806 BZR589804:CAC589806 BPV589804:BQG589806 BFZ589804:BGK589806 AWD589804:AWO589806 AMH589804:AMS589806 ACL589804:ACW589806 SP589804:TA589806 IT589804:JE589806 D589804:O589806 WVF524268:WVQ524270 WLJ524268:WLU524270 WBN524268:WBY524270 VRR524268:VSC524270 VHV524268:VIG524270 UXZ524268:UYK524270 UOD524268:UOO524270 UEH524268:UES524270 TUL524268:TUW524270 TKP524268:TLA524270 TAT524268:TBE524270 SQX524268:SRI524270 SHB524268:SHM524270 RXF524268:RXQ524270 RNJ524268:RNU524270 RDN524268:RDY524270 QTR524268:QUC524270 QJV524268:QKG524270 PZZ524268:QAK524270 PQD524268:PQO524270 PGH524268:PGS524270 OWL524268:OWW524270 OMP524268:ONA524270 OCT524268:ODE524270 NSX524268:NTI524270 NJB524268:NJM524270 MZF524268:MZQ524270 MPJ524268:MPU524270 MFN524268:MFY524270 LVR524268:LWC524270 LLV524268:LMG524270 LBZ524268:LCK524270 KSD524268:KSO524270 KIH524268:KIS524270 JYL524268:JYW524270 JOP524268:JPA524270 JET524268:JFE524270 IUX524268:IVI524270 ILB524268:ILM524270 IBF524268:IBQ524270 HRJ524268:HRU524270 HHN524268:HHY524270 GXR524268:GYC524270 GNV524268:GOG524270 GDZ524268:GEK524270 FUD524268:FUO524270 FKH524268:FKS524270 FAL524268:FAW524270 EQP524268:ERA524270 EGT524268:EHE524270 DWX524268:DXI524270 DNB524268:DNM524270 DDF524268:DDQ524270 CTJ524268:CTU524270 CJN524268:CJY524270 BZR524268:CAC524270 BPV524268:BQG524270 BFZ524268:BGK524270 AWD524268:AWO524270 AMH524268:AMS524270 ACL524268:ACW524270 SP524268:TA524270 IT524268:JE524270 D524268:O524270 WVF458732:WVQ458734 WLJ458732:WLU458734 WBN458732:WBY458734 VRR458732:VSC458734 VHV458732:VIG458734 UXZ458732:UYK458734 UOD458732:UOO458734 UEH458732:UES458734 TUL458732:TUW458734 TKP458732:TLA458734 TAT458732:TBE458734 SQX458732:SRI458734 SHB458732:SHM458734 RXF458732:RXQ458734 RNJ458732:RNU458734 RDN458732:RDY458734 QTR458732:QUC458734 QJV458732:QKG458734 PZZ458732:QAK458734 PQD458732:PQO458734 PGH458732:PGS458734 OWL458732:OWW458734 OMP458732:ONA458734 OCT458732:ODE458734 NSX458732:NTI458734 NJB458732:NJM458734 MZF458732:MZQ458734 MPJ458732:MPU458734 MFN458732:MFY458734 LVR458732:LWC458734 LLV458732:LMG458734 LBZ458732:LCK458734 KSD458732:KSO458734 KIH458732:KIS458734 JYL458732:JYW458734 JOP458732:JPA458734 JET458732:JFE458734 IUX458732:IVI458734 ILB458732:ILM458734 IBF458732:IBQ458734 HRJ458732:HRU458734 HHN458732:HHY458734 GXR458732:GYC458734 GNV458732:GOG458734 GDZ458732:GEK458734 FUD458732:FUO458734 FKH458732:FKS458734 FAL458732:FAW458734 EQP458732:ERA458734 EGT458732:EHE458734 DWX458732:DXI458734 DNB458732:DNM458734 DDF458732:DDQ458734 CTJ458732:CTU458734 CJN458732:CJY458734 BZR458732:CAC458734 BPV458732:BQG458734 BFZ458732:BGK458734 AWD458732:AWO458734 AMH458732:AMS458734 ACL458732:ACW458734 SP458732:TA458734 IT458732:JE458734 D458732:O458734 WVF393196:WVQ393198 WLJ393196:WLU393198 WBN393196:WBY393198 VRR393196:VSC393198 VHV393196:VIG393198 UXZ393196:UYK393198 UOD393196:UOO393198 UEH393196:UES393198 TUL393196:TUW393198 TKP393196:TLA393198 TAT393196:TBE393198 SQX393196:SRI393198 SHB393196:SHM393198 RXF393196:RXQ393198 RNJ393196:RNU393198 RDN393196:RDY393198 QTR393196:QUC393198 QJV393196:QKG393198 PZZ393196:QAK393198 PQD393196:PQO393198 PGH393196:PGS393198 OWL393196:OWW393198 OMP393196:ONA393198 OCT393196:ODE393198 NSX393196:NTI393198 NJB393196:NJM393198 MZF393196:MZQ393198 MPJ393196:MPU393198 MFN393196:MFY393198 LVR393196:LWC393198 LLV393196:LMG393198 LBZ393196:LCK393198 KSD393196:KSO393198 KIH393196:KIS393198 JYL393196:JYW393198 JOP393196:JPA393198 JET393196:JFE393198 IUX393196:IVI393198 ILB393196:ILM393198 IBF393196:IBQ393198 HRJ393196:HRU393198 HHN393196:HHY393198 GXR393196:GYC393198 GNV393196:GOG393198 GDZ393196:GEK393198 FUD393196:FUO393198 FKH393196:FKS393198 FAL393196:FAW393198 EQP393196:ERA393198 EGT393196:EHE393198 DWX393196:DXI393198 DNB393196:DNM393198 DDF393196:DDQ393198 CTJ393196:CTU393198 CJN393196:CJY393198 BZR393196:CAC393198 BPV393196:BQG393198 BFZ393196:BGK393198 AWD393196:AWO393198 AMH393196:AMS393198 ACL393196:ACW393198 SP393196:TA393198 IT393196:JE393198 D393196:O393198 WVF327660:WVQ327662 WLJ327660:WLU327662 WBN327660:WBY327662 VRR327660:VSC327662 VHV327660:VIG327662 UXZ327660:UYK327662 UOD327660:UOO327662 UEH327660:UES327662 TUL327660:TUW327662 TKP327660:TLA327662 TAT327660:TBE327662 SQX327660:SRI327662 SHB327660:SHM327662 RXF327660:RXQ327662 RNJ327660:RNU327662 RDN327660:RDY327662 QTR327660:QUC327662 QJV327660:QKG327662 PZZ327660:QAK327662 PQD327660:PQO327662 PGH327660:PGS327662 OWL327660:OWW327662 OMP327660:ONA327662 OCT327660:ODE327662 NSX327660:NTI327662 NJB327660:NJM327662 MZF327660:MZQ327662 MPJ327660:MPU327662 MFN327660:MFY327662 LVR327660:LWC327662 LLV327660:LMG327662 LBZ327660:LCK327662 KSD327660:KSO327662 KIH327660:KIS327662 JYL327660:JYW327662 JOP327660:JPA327662 JET327660:JFE327662 IUX327660:IVI327662 ILB327660:ILM327662 IBF327660:IBQ327662 HRJ327660:HRU327662 HHN327660:HHY327662 GXR327660:GYC327662 GNV327660:GOG327662 GDZ327660:GEK327662 FUD327660:FUO327662 FKH327660:FKS327662 FAL327660:FAW327662 EQP327660:ERA327662 EGT327660:EHE327662 DWX327660:DXI327662 DNB327660:DNM327662 DDF327660:DDQ327662 CTJ327660:CTU327662 CJN327660:CJY327662 BZR327660:CAC327662 BPV327660:BQG327662 BFZ327660:BGK327662 AWD327660:AWO327662 AMH327660:AMS327662 ACL327660:ACW327662 SP327660:TA327662 IT327660:JE327662 D327660:O327662 WVF262124:WVQ262126 WLJ262124:WLU262126 WBN262124:WBY262126 VRR262124:VSC262126 VHV262124:VIG262126 UXZ262124:UYK262126 UOD262124:UOO262126 UEH262124:UES262126 TUL262124:TUW262126 TKP262124:TLA262126 TAT262124:TBE262126 SQX262124:SRI262126 SHB262124:SHM262126 RXF262124:RXQ262126 RNJ262124:RNU262126 RDN262124:RDY262126 QTR262124:QUC262126 QJV262124:QKG262126 PZZ262124:QAK262126 PQD262124:PQO262126 PGH262124:PGS262126 OWL262124:OWW262126 OMP262124:ONA262126 OCT262124:ODE262126 NSX262124:NTI262126 NJB262124:NJM262126 MZF262124:MZQ262126 MPJ262124:MPU262126 MFN262124:MFY262126 LVR262124:LWC262126 LLV262124:LMG262126 LBZ262124:LCK262126 KSD262124:KSO262126 KIH262124:KIS262126 JYL262124:JYW262126 JOP262124:JPA262126 JET262124:JFE262126 IUX262124:IVI262126 ILB262124:ILM262126 IBF262124:IBQ262126 HRJ262124:HRU262126 HHN262124:HHY262126 GXR262124:GYC262126 GNV262124:GOG262126 GDZ262124:GEK262126 FUD262124:FUO262126 FKH262124:FKS262126 FAL262124:FAW262126 EQP262124:ERA262126 EGT262124:EHE262126 DWX262124:DXI262126 DNB262124:DNM262126 DDF262124:DDQ262126 CTJ262124:CTU262126 CJN262124:CJY262126 BZR262124:CAC262126 BPV262124:BQG262126 BFZ262124:BGK262126 AWD262124:AWO262126 AMH262124:AMS262126 ACL262124:ACW262126 SP262124:TA262126 IT262124:JE262126 D262124:O262126 WVF196588:WVQ196590 WLJ196588:WLU196590 WBN196588:WBY196590 VRR196588:VSC196590 VHV196588:VIG196590 UXZ196588:UYK196590 UOD196588:UOO196590 UEH196588:UES196590 TUL196588:TUW196590 TKP196588:TLA196590 TAT196588:TBE196590 SQX196588:SRI196590 SHB196588:SHM196590 RXF196588:RXQ196590 RNJ196588:RNU196590 RDN196588:RDY196590 QTR196588:QUC196590 QJV196588:QKG196590 PZZ196588:QAK196590 PQD196588:PQO196590 PGH196588:PGS196590 OWL196588:OWW196590 OMP196588:ONA196590 OCT196588:ODE196590 NSX196588:NTI196590 NJB196588:NJM196590 MZF196588:MZQ196590 MPJ196588:MPU196590 MFN196588:MFY196590 LVR196588:LWC196590 LLV196588:LMG196590 LBZ196588:LCK196590 KSD196588:KSO196590 KIH196588:KIS196590 JYL196588:JYW196590 JOP196588:JPA196590 JET196588:JFE196590 IUX196588:IVI196590 ILB196588:ILM196590 IBF196588:IBQ196590 HRJ196588:HRU196590 HHN196588:HHY196590 GXR196588:GYC196590 GNV196588:GOG196590 GDZ196588:GEK196590 FUD196588:FUO196590 FKH196588:FKS196590 FAL196588:FAW196590 EQP196588:ERA196590 EGT196588:EHE196590 DWX196588:DXI196590 DNB196588:DNM196590 DDF196588:DDQ196590 CTJ196588:CTU196590 CJN196588:CJY196590 BZR196588:CAC196590 BPV196588:BQG196590 BFZ196588:BGK196590 AWD196588:AWO196590 AMH196588:AMS196590 ACL196588:ACW196590 SP196588:TA196590 IT196588:JE196590 D196588:O196590 WVF131052:WVQ131054 WLJ131052:WLU131054 WBN131052:WBY131054 VRR131052:VSC131054 VHV131052:VIG131054 UXZ131052:UYK131054 UOD131052:UOO131054 UEH131052:UES131054 TUL131052:TUW131054 TKP131052:TLA131054 TAT131052:TBE131054 SQX131052:SRI131054 SHB131052:SHM131054 RXF131052:RXQ131054 RNJ131052:RNU131054 RDN131052:RDY131054 QTR131052:QUC131054 QJV131052:QKG131054 PZZ131052:QAK131054 PQD131052:PQO131054 PGH131052:PGS131054 OWL131052:OWW131054 OMP131052:ONA131054 OCT131052:ODE131054 NSX131052:NTI131054 NJB131052:NJM131054 MZF131052:MZQ131054 MPJ131052:MPU131054 MFN131052:MFY131054 LVR131052:LWC131054 LLV131052:LMG131054 LBZ131052:LCK131054 KSD131052:KSO131054 KIH131052:KIS131054 JYL131052:JYW131054 JOP131052:JPA131054 JET131052:JFE131054 IUX131052:IVI131054 ILB131052:ILM131054 IBF131052:IBQ131054 HRJ131052:HRU131054 HHN131052:HHY131054 GXR131052:GYC131054 GNV131052:GOG131054 GDZ131052:GEK131054 FUD131052:FUO131054 FKH131052:FKS131054 FAL131052:FAW131054 EQP131052:ERA131054 EGT131052:EHE131054 DWX131052:DXI131054 DNB131052:DNM131054 DDF131052:DDQ131054 CTJ131052:CTU131054 CJN131052:CJY131054 BZR131052:CAC131054 BPV131052:BQG131054 BFZ131052:BGK131054 AWD131052:AWO131054 AMH131052:AMS131054 ACL131052:ACW131054 SP131052:TA131054 IT131052:JE131054 D131052:O131054 WVF65516:WVQ65518 WLJ65516:WLU65518 WBN65516:WBY65518 VRR65516:VSC65518 VHV65516:VIG65518 UXZ65516:UYK65518 UOD65516:UOO65518 UEH65516:UES65518 TUL65516:TUW65518 TKP65516:TLA65518 TAT65516:TBE65518 SQX65516:SRI65518 SHB65516:SHM65518 RXF65516:RXQ65518 RNJ65516:RNU65518 RDN65516:RDY65518 QTR65516:QUC65518 QJV65516:QKG65518 PZZ65516:QAK65518 PQD65516:PQO65518 PGH65516:PGS65518 OWL65516:OWW65518 OMP65516:ONA65518 OCT65516:ODE65518 NSX65516:NTI65518 NJB65516:NJM65518 MZF65516:MZQ65518 MPJ65516:MPU65518 MFN65516:MFY65518 LVR65516:LWC65518 LLV65516:LMG65518 LBZ65516:LCK65518 KSD65516:KSO65518 KIH65516:KIS65518 JYL65516:JYW65518 JOP65516:JPA65518 JET65516:JFE65518 IUX65516:IVI65518 ILB65516:ILM65518 IBF65516:IBQ65518 HRJ65516:HRU65518 HHN65516:HHY65518 GXR65516:GYC65518 GNV65516:GOG65518 GDZ65516:GEK65518 FUD65516:FUO65518 FKH65516:FKS65518 FAL65516:FAW65518 EQP65516:ERA65518 EGT65516:EHE65518 DWX65516:DXI65518 DNB65516:DNM65518 DDF65516:DDQ65518 CTJ65516:CTU65518 CJN65516:CJY65518 BZR65516:CAC65518 BPV65516:BQG65518 BFZ65516:BGK65518 AWD65516:AWO65518 AMH65516:AMS65518 ACL65516:ACW65518 SP65516:TA65518 IT65516:JE65518 D65516:O65518 IT12:JE14 WVF12:WVQ14 WLJ12:WLU14 WBN12:WBY14 VRR12:VSC14 VHV12:VIG14 UXZ12:UYK14 UOD12:UOO14 UEH12:UES14 TUL12:TUW14 TKP12:TLA14 TAT12:TBE14 SQX12:SRI14 SHB12:SHM14 RXF12:RXQ14 RNJ12:RNU14 RDN12:RDY14 QTR12:QUC14 QJV12:QKG14 PZZ12:QAK14 PQD12:PQO14 PGH12:PGS14 OWL12:OWW14 OMP12:ONA14 OCT12:ODE14 NSX12:NTI14 NJB12:NJM14 MZF12:MZQ14 MPJ12:MPU14 MFN12:MFY14 LVR12:LWC14 LLV12:LMG14 LBZ12:LCK14 KSD12:KSO14 KIH12:KIS14 JYL12:JYW14 JOP12:JPA14 JET12:JFE14 IUX12:IVI14 ILB12:ILM14 IBF12:IBQ14 HRJ12:HRU14 HHN12:HHY14 GXR12:GYC14 GNV12:GOG14 GDZ12:GEK14 FUD12:FUO14 FKH12:FKS14 FAL12:FAW14 EQP12:ERA14 EGT12:EHE14 DWX12:DXI14 DNB12:DNM14 DDF12:DDQ14 CTJ12:CTU14 CJN12:CJY14 BZR12:CAC14 BPV12:BQG14 BFZ12:BGK14 AWD12:AWO14 AMH12:AMS14 ACL12:ACW14 SP12:TA14 G12:G14" xr:uid="{00000000-0002-0000-0600-000004000000}">
      <formula1>D12=DBCS(D12)</formula1>
    </dataValidation>
    <dataValidation type="list" allowBlank="1" showInputMessage="1" showErrorMessage="1" sqref="WVP983030:WVR983033 WLT983030:WLV983033 WBX983030:WBZ983033 VSB983030:VSD983033 VIF983030:VIH983033 UYJ983030:UYL983033 UON983030:UOP983033 UER983030:UET983033 TUV983030:TUX983033 TKZ983030:TLB983033 TBD983030:TBF983033 SRH983030:SRJ983033 SHL983030:SHN983033 RXP983030:RXR983033 RNT983030:RNV983033 RDX983030:RDZ983033 QUB983030:QUD983033 QKF983030:QKH983033 QAJ983030:QAL983033 PQN983030:PQP983033 PGR983030:PGT983033 OWV983030:OWX983033 OMZ983030:ONB983033 ODD983030:ODF983033 NTH983030:NTJ983033 NJL983030:NJN983033 MZP983030:MZR983033 MPT983030:MPV983033 MFX983030:MFZ983033 LWB983030:LWD983033 LMF983030:LMH983033 LCJ983030:LCL983033 KSN983030:KSP983033 KIR983030:KIT983033 JYV983030:JYX983033 JOZ983030:JPB983033 JFD983030:JFF983033 IVH983030:IVJ983033 ILL983030:ILN983033 IBP983030:IBR983033 HRT983030:HRV983033 HHX983030:HHZ983033 GYB983030:GYD983033 GOF983030:GOH983033 GEJ983030:GEL983033 FUN983030:FUP983033 FKR983030:FKT983033 FAV983030:FAX983033 EQZ983030:ERB983033 EHD983030:EHF983033 DXH983030:DXJ983033 DNL983030:DNN983033 DDP983030:DDR983033 CTT983030:CTV983033 CJX983030:CJZ983033 CAB983030:CAD983033 BQF983030:BQH983033 BGJ983030:BGL983033 AWN983030:AWP983033 AMR983030:AMT983033 ACV983030:ACX983033 SZ983030:TB983033 JD983030:JF983033 N983030:P983033 WVP917494:WVR917497 WLT917494:WLV917497 WBX917494:WBZ917497 VSB917494:VSD917497 VIF917494:VIH917497 UYJ917494:UYL917497 UON917494:UOP917497 UER917494:UET917497 TUV917494:TUX917497 TKZ917494:TLB917497 TBD917494:TBF917497 SRH917494:SRJ917497 SHL917494:SHN917497 RXP917494:RXR917497 RNT917494:RNV917497 RDX917494:RDZ917497 QUB917494:QUD917497 QKF917494:QKH917497 QAJ917494:QAL917497 PQN917494:PQP917497 PGR917494:PGT917497 OWV917494:OWX917497 OMZ917494:ONB917497 ODD917494:ODF917497 NTH917494:NTJ917497 NJL917494:NJN917497 MZP917494:MZR917497 MPT917494:MPV917497 MFX917494:MFZ917497 LWB917494:LWD917497 LMF917494:LMH917497 LCJ917494:LCL917497 KSN917494:KSP917497 KIR917494:KIT917497 JYV917494:JYX917497 JOZ917494:JPB917497 JFD917494:JFF917497 IVH917494:IVJ917497 ILL917494:ILN917497 IBP917494:IBR917497 HRT917494:HRV917497 HHX917494:HHZ917497 GYB917494:GYD917497 GOF917494:GOH917497 GEJ917494:GEL917497 FUN917494:FUP917497 FKR917494:FKT917497 FAV917494:FAX917497 EQZ917494:ERB917497 EHD917494:EHF917497 DXH917494:DXJ917497 DNL917494:DNN917497 DDP917494:DDR917497 CTT917494:CTV917497 CJX917494:CJZ917497 CAB917494:CAD917497 BQF917494:BQH917497 BGJ917494:BGL917497 AWN917494:AWP917497 AMR917494:AMT917497 ACV917494:ACX917497 SZ917494:TB917497 JD917494:JF917497 N917494:P917497 WVP851958:WVR851961 WLT851958:WLV851961 WBX851958:WBZ851961 VSB851958:VSD851961 VIF851958:VIH851961 UYJ851958:UYL851961 UON851958:UOP851961 UER851958:UET851961 TUV851958:TUX851961 TKZ851958:TLB851961 TBD851958:TBF851961 SRH851958:SRJ851961 SHL851958:SHN851961 RXP851958:RXR851961 RNT851958:RNV851961 RDX851958:RDZ851961 QUB851958:QUD851961 QKF851958:QKH851961 QAJ851958:QAL851961 PQN851958:PQP851961 PGR851958:PGT851961 OWV851958:OWX851961 OMZ851958:ONB851961 ODD851958:ODF851961 NTH851958:NTJ851961 NJL851958:NJN851961 MZP851958:MZR851961 MPT851958:MPV851961 MFX851958:MFZ851961 LWB851958:LWD851961 LMF851958:LMH851961 LCJ851958:LCL851961 KSN851958:KSP851961 KIR851958:KIT851961 JYV851958:JYX851961 JOZ851958:JPB851961 JFD851958:JFF851961 IVH851958:IVJ851961 ILL851958:ILN851961 IBP851958:IBR851961 HRT851958:HRV851961 HHX851958:HHZ851961 GYB851958:GYD851961 GOF851958:GOH851961 GEJ851958:GEL851961 FUN851958:FUP851961 FKR851958:FKT851961 FAV851958:FAX851961 EQZ851958:ERB851961 EHD851958:EHF851961 DXH851958:DXJ851961 DNL851958:DNN851961 DDP851958:DDR851961 CTT851958:CTV851961 CJX851958:CJZ851961 CAB851958:CAD851961 BQF851958:BQH851961 BGJ851958:BGL851961 AWN851958:AWP851961 AMR851958:AMT851961 ACV851958:ACX851961 SZ851958:TB851961 JD851958:JF851961 N851958:P851961 WVP786422:WVR786425 WLT786422:WLV786425 WBX786422:WBZ786425 VSB786422:VSD786425 VIF786422:VIH786425 UYJ786422:UYL786425 UON786422:UOP786425 UER786422:UET786425 TUV786422:TUX786425 TKZ786422:TLB786425 TBD786422:TBF786425 SRH786422:SRJ786425 SHL786422:SHN786425 RXP786422:RXR786425 RNT786422:RNV786425 RDX786422:RDZ786425 QUB786422:QUD786425 QKF786422:QKH786425 QAJ786422:QAL786425 PQN786422:PQP786425 PGR786422:PGT786425 OWV786422:OWX786425 OMZ786422:ONB786425 ODD786422:ODF786425 NTH786422:NTJ786425 NJL786422:NJN786425 MZP786422:MZR786425 MPT786422:MPV786425 MFX786422:MFZ786425 LWB786422:LWD786425 LMF786422:LMH786425 LCJ786422:LCL786425 KSN786422:KSP786425 KIR786422:KIT786425 JYV786422:JYX786425 JOZ786422:JPB786425 JFD786422:JFF786425 IVH786422:IVJ786425 ILL786422:ILN786425 IBP786422:IBR786425 HRT786422:HRV786425 HHX786422:HHZ786425 GYB786422:GYD786425 GOF786422:GOH786425 GEJ786422:GEL786425 FUN786422:FUP786425 FKR786422:FKT786425 FAV786422:FAX786425 EQZ786422:ERB786425 EHD786422:EHF786425 DXH786422:DXJ786425 DNL786422:DNN786425 DDP786422:DDR786425 CTT786422:CTV786425 CJX786422:CJZ786425 CAB786422:CAD786425 BQF786422:BQH786425 BGJ786422:BGL786425 AWN786422:AWP786425 AMR786422:AMT786425 ACV786422:ACX786425 SZ786422:TB786425 JD786422:JF786425 N786422:P786425 WVP720886:WVR720889 WLT720886:WLV720889 WBX720886:WBZ720889 VSB720886:VSD720889 VIF720886:VIH720889 UYJ720886:UYL720889 UON720886:UOP720889 UER720886:UET720889 TUV720886:TUX720889 TKZ720886:TLB720889 TBD720886:TBF720889 SRH720886:SRJ720889 SHL720886:SHN720889 RXP720886:RXR720889 RNT720886:RNV720889 RDX720886:RDZ720889 QUB720886:QUD720889 QKF720886:QKH720889 QAJ720886:QAL720889 PQN720886:PQP720889 PGR720886:PGT720889 OWV720886:OWX720889 OMZ720886:ONB720889 ODD720886:ODF720889 NTH720886:NTJ720889 NJL720886:NJN720889 MZP720886:MZR720889 MPT720886:MPV720889 MFX720886:MFZ720889 LWB720886:LWD720889 LMF720886:LMH720889 LCJ720886:LCL720889 KSN720886:KSP720889 KIR720886:KIT720889 JYV720886:JYX720889 JOZ720886:JPB720889 JFD720886:JFF720889 IVH720886:IVJ720889 ILL720886:ILN720889 IBP720886:IBR720889 HRT720886:HRV720889 HHX720886:HHZ720889 GYB720886:GYD720889 GOF720886:GOH720889 GEJ720886:GEL720889 FUN720886:FUP720889 FKR720886:FKT720889 FAV720886:FAX720889 EQZ720886:ERB720889 EHD720886:EHF720889 DXH720886:DXJ720889 DNL720886:DNN720889 DDP720886:DDR720889 CTT720886:CTV720889 CJX720886:CJZ720889 CAB720886:CAD720889 BQF720886:BQH720889 BGJ720886:BGL720889 AWN720886:AWP720889 AMR720886:AMT720889 ACV720886:ACX720889 SZ720886:TB720889 JD720886:JF720889 N720886:P720889 WVP655350:WVR655353 WLT655350:WLV655353 WBX655350:WBZ655353 VSB655350:VSD655353 VIF655350:VIH655353 UYJ655350:UYL655353 UON655350:UOP655353 UER655350:UET655353 TUV655350:TUX655353 TKZ655350:TLB655353 TBD655350:TBF655353 SRH655350:SRJ655353 SHL655350:SHN655353 RXP655350:RXR655353 RNT655350:RNV655353 RDX655350:RDZ655353 QUB655350:QUD655353 QKF655350:QKH655353 QAJ655350:QAL655353 PQN655350:PQP655353 PGR655350:PGT655353 OWV655350:OWX655353 OMZ655350:ONB655353 ODD655350:ODF655353 NTH655350:NTJ655353 NJL655350:NJN655353 MZP655350:MZR655353 MPT655350:MPV655353 MFX655350:MFZ655353 LWB655350:LWD655353 LMF655350:LMH655353 LCJ655350:LCL655353 KSN655350:KSP655353 KIR655350:KIT655353 JYV655350:JYX655353 JOZ655350:JPB655353 JFD655350:JFF655353 IVH655350:IVJ655353 ILL655350:ILN655353 IBP655350:IBR655353 HRT655350:HRV655353 HHX655350:HHZ655353 GYB655350:GYD655353 GOF655350:GOH655353 GEJ655350:GEL655353 FUN655350:FUP655353 FKR655350:FKT655353 FAV655350:FAX655353 EQZ655350:ERB655353 EHD655350:EHF655353 DXH655350:DXJ655353 DNL655350:DNN655353 DDP655350:DDR655353 CTT655350:CTV655353 CJX655350:CJZ655353 CAB655350:CAD655353 BQF655350:BQH655353 BGJ655350:BGL655353 AWN655350:AWP655353 AMR655350:AMT655353 ACV655350:ACX655353 SZ655350:TB655353 JD655350:JF655353 N655350:P655353 WVP589814:WVR589817 WLT589814:WLV589817 WBX589814:WBZ589817 VSB589814:VSD589817 VIF589814:VIH589817 UYJ589814:UYL589817 UON589814:UOP589817 UER589814:UET589817 TUV589814:TUX589817 TKZ589814:TLB589817 TBD589814:TBF589817 SRH589814:SRJ589817 SHL589814:SHN589817 RXP589814:RXR589817 RNT589814:RNV589817 RDX589814:RDZ589817 QUB589814:QUD589817 QKF589814:QKH589817 QAJ589814:QAL589817 PQN589814:PQP589817 PGR589814:PGT589817 OWV589814:OWX589817 OMZ589814:ONB589817 ODD589814:ODF589817 NTH589814:NTJ589817 NJL589814:NJN589817 MZP589814:MZR589817 MPT589814:MPV589817 MFX589814:MFZ589817 LWB589814:LWD589817 LMF589814:LMH589817 LCJ589814:LCL589817 KSN589814:KSP589817 KIR589814:KIT589817 JYV589814:JYX589817 JOZ589814:JPB589817 JFD589814:JFF589817 IVH589814:IVJ589817 ILL589814:ILN589817 IBP589814:IBR589817 HRT589814:HRV589817 HHX589814:HHZ589817 GYB589814:GYD589817 GOF589814:GOH589817 GEJ589814:GEL589817 FUN589814:FUP589817 FKR589814:FKT589817 FAV589814:FAX589817 EQZ589814:ERB589817 EHD589814:EHF589817 DXH589814:DXJ589817 DNL589814:DNN589817 DDP589814:DDR589817 CTT589814:CTV589817 CJX589814:CJZ589817 CAB589814:CAD589817 BQF589814:BQH589817 BGJ589814:BGL589817 AWN589814:AWP589817 AMR589814:AMT589817 ACV589814:ACX589817 SZ589814:TB589817 JD589814:JF589817 N589814:P589817 WVP524278:WVR524281 WLT524278:WLV524281 WBX524278:WBZ524281 VSB524278:VSD524281 VIF524278:VIH524281 UYJ524278:UYL524281 UON524278:UOP524281 UER524278:UET524281 TUV524278:TUX524281 TKZ524278:TLB524281 TBD524278:TBF524281 SRH524278:SRJ524281 SHL524278:SHN524281 RXP524278:RXR524281 RNT524278:RNV524281 RDX524278:RDZ524281 QUB524278:QUD524281 QKF524278:QKH524281 QAJ524278:QAL524281 PQN524278:PQP524281 PGR524278:PGT524281 OWV524278:OWX524281 OMZ524278:ONB524281 ODD524278:ODF524281 NTH524278:NTJ524281 NJL524278:NJN524281 MZP524278:MZR524281 MPT524278:MPV524281 MFX524278:MFZ524281 LWB524278:LWD524281 LMF524278:LMH524281 LCJ524278:LCL524281 KSN524278:KSP524281 KIR524278:KIT524281 JYV524278:JYX524281 JOZ524278:JPB524281 JFD524278:JFF524281 IVH524278:IVJ524281 ILL524278:ILN524281 IBP524278:IBR524281 HRT524278:HRV524281 HHX524278:HHZ524281 GYB524278:GYD524281 GOF524278:GOH524281 GEJ524278:GEL524281 FUN524278:FUP524281 FKR524278:FKT524281 FAV524278:FAX524281 EQZ524278:ERB524281 EHD524278:EHF524281 DXH524278:DXJ524281 DNL524278:DNN524281 DDP524278:DDR524281 CTT524278:CTV524281 CJX524278:CJZ524281 CAB524278:CAD524281 BQF524278:BQH524281 BGJ524278:BGL524281 AWN524278:AWP524281 AMR524278:AMT524281 ACV524278:ACX524281 SZ524278:TB524281 JD524278:JF524281 N524278:P524281 WVP458742:WVR458745 WLT458742:WLV458745 WBX458742:WBZ458745 VSB458742:VSD458745 VIF458742:VIH458745 UYJ458742:UYL458745 UON458742:UOP458745 UER458742:UET458745 TUV458742:TUX458745 TKZ458742:TLB458745 TBD458742:TBF458745 SRH458742:SRJ458745 SHL458742:SHN458745 RXP458742:RXR458745 RNT458742:RNV458745 RDX458742:RDZ458745 QUB458742:QUD458745 QKF458742:QKH458745 QAJ458742:QAL458745 PQN458742:PQP458745 PGR458742:PGT458745 OWV458742:OWX458745 OMZ458742:ONB458745 ODD458742:ODF458745 NTH458742:NTJ458745 NJL458742:NJN458745 MZP458742:MZR458745 MPT458742:MPV458745 MFX458742:MFZ458745 LWB458742:LWD458745 LMF458742:LMH458745 LCJ458742:LCL458745 KSN458742:KSP458745 KIR458742:KIT458745 JYV458742:JYX458745 JOZ458742:JPB458745 JFD458742:JFF458745 IVH458742:IVJ458745 ILL458742:ILN458745 IBP458742:IBR458745 HRT458742:HRV458745 HHX458742:HHZ458745 GYB458742:GYD458745 GOF458742:GOH458745 GEJ458742:GEL458745 FUN458742:FUP458745 FKR458742:FKT458745 FAV458742:FAX458745 EQZ458742:ERB458745 EHD458742:EHF458745 DXH458742:DXJ458745 DNL458742:DNN458745 DDP458742:DDR458745 CTT458742:CTV458745 CJX458742:CJZ458745 CAB458742:CAD458745 BQF458742:BQH458745 BGJ458742:BGL458745 AWN458742:AWP458745 AMR458742:AMT458745 ACV458742:ACX458745 SZ458742:TB458745 JD458742:JF458745 N458742:P458745 WVP393206:WVR393209 WLT393206:WLV393209 WBX393206:WBZ393209 VSB393206:VSD393209 VIF393206:VIH393209 UYJ393206:UYL393209 UON393206:UOP393209 UER393206:UET393209 TUV393206:TUX393209 TKZ393206:TLB393209 TBD393206:TBF393209 SRH393206:SRJ393209 SHL393206:SHN393209 RXP393206:RXR393209 RNT393206:RNV393209 RDX393206:RDZ393209 QUB393206:QUD393209 QKF393206:QKH393209 QAJ393206:QAL393209 PQN393206:PQP393209 PGR393206:PGT393209 OWV393206:OWX393209 OMZ393206:ONB393209 ODD393206:ODF393209 NTH393206:NTJ393209 NJL393206:NJN393209 MZP393206:MZR393209 MPT393206:MPV393209 MFX393206:MFZ393209 LWB393206:LWD393209 LMF393206:LMH393209 LCJ393206:LCL393209 KSN393206:KSP393209 KIR393206:KIT393209 JYV393206:JYX393209 JOZ393206:JPB393209 JFD393206:JFF393209 IVH393206:IVJ393209 ILL393206:ILN393209 IBP393206:IBR393209 HRT393206:HRV393209 HHX393206:HHZ393209 GYB393206:GYD393209 GOF393206:GOH393209 GEJ393206:GEL393209 FUN393206:FUP393209 FKR393206:FKT393209 FAV393206:FAX393209 EQZ393206:ERB393209 EHD393206:EHF393209 DXH393206:DXJ393209 DNL393206:DNN393209 DDP393206:DDR393209 CTT393206:CTV393209 CJX393206:CJZ393209 CAB393206:CAD393209 BQF393206:BQH393209 BGJ393206:BGL393209 AWN393206:AWP393209 AMR393206:AMT393209 ACV393206:ACX393209 SZ393206:TB393209 JD393206:JF393209 N393206:P393209 WVP327670:WVR327673 WLT327670:WLV327673 WBX327670:WBZ327673 VSB327670:VSD327673 VIF327670:VIH327673 UYJ327670:UYL327673 UON327670:UOP327673 UER327670:UET327673 TUV327670:TUX327673 TKZ327670:TLB327673 TBD327670:TBF327673 SRH327670:SRJ327673 SHL327670:SHN327673 RXP327670:RXR327673 RNT327670:RNV327673 RDX327670:RDZ327673 QUB327670:QUD327673 QKF327670:QKH327673 QAJ327670:QAL327673 PQN327670:PQP327673 PGR327670:PGT327673 OWV327670:OWX327673 OMZ327670:ONB327673 ODD327670:ODF327673 NTH327670:NTJ327673 NJL327670:NJN327673 MZP327670:MZR327673 MPT327670:MPV327673 MFX327670:MFZ327673 LWB327670:LWD327673 LMF327670:LMH327673 LCJ327670:LCL327673 KSN327670:KSP327673 KIR327670:KIT327673 JYV327670:JYX327673 JOZ327670:JPB327673 JFD327670:JFF327673 IVH327670:IVJ327673 ILL327670:ILN327673 IBP327670:IBR327673 HRT327670:HRV327673 HHX327670:HHZ327673 GYB327670:GYD327673 GOF327670:GOH327673 GEJ327670:GEL327673 FUN327670:FUP327673 FKR327670:FKT327673 FAV327670:FAX327673 EQZ327670:ERB327673 EHD327670:EHF327673 DXH327670:DXJ327673 DNL327670:DNN327673 DDP327670:DDR327673 CTT327670:CTV327673 CJX327670:CJZ327673 CAB327670:CAD327673 BQF327670:BQH327673 BGJ327670:BGL327673 AWN327670:AWP327673 AMR327670:AMT327673 ACV327670:ACX327673 SZ327670:TB327673 JD327670:JF327673 N327670:P327673 WVP262134:WVR262137 WLT262134:WLV262137 WBX262134:WBZ262137 VSB262134:VSD262137 VIF262134:VIH262137 UYJ262134:UYL262137 UON262134:UOP262137 UER262134:UET262137 TUV262134:TUX262137 TKZ262134:TLB262137 TBD262134:TBF262137 SRH262134:SRJ262137 SHL262134:SHN262137 RXP262134:RXR262137 RNT262134:RNV262137 RDX262134:RDZ262137 QUB262134:QUD262137 QKF262134:QKH262137 QAJ262134:QAL262137 PQN262134:PQP262137 PGR262134:PGT262137 OWV262134:OWX262137 OMZ262134:ONB262137 ODD262134:ODF262137 NTH262134:NTJ262137 NJL262134:NJN262137 MZP262134:MZR262137 MPT262134:MPV262137 MFX262134:MFZ262137 LWB262134:LWD262137 LMF262134:LMH262137 LCJ262134:LCL262137 KSN262134:KSP262137 KIR262134:KIT262137 JYV262134:JYX262137 JOZ262134:JPB262137 JFD262134:JFF262137 IVH262134:IVJ262137 ILL262134:ILN262137 IBP262134:IBR262137 HRT262134:HRV262137 HHX262134:HHZ262137 GYB262134:GYD262137 GOF262134:GOH262137 GEJ262134:GEL262137 FUN262134:FUP262137 FKR262134:FKT262137 FAV262134:FAX262137 EQZ262134:ERB262137 EHD262134:EHF262137 DXH262134:DXJ262137 DNL262134:DNN262137 DDP262134:DDR262137 CTT262134:CTV262137 CJX262134:CJZ262137 CAB262134:CAD262137 BQF262134:BQH262137 BGJ262134:BGL262137 AWN262134:AWP262137 AMR262134:AMT262137 ACV262134:ACX262137 SZ262134:TB262137 JD262134:JF262137 N262134:P262137 WVP196598:WVR196601 WLT196598:WLV196601 WBX196598:WBZ196601 VSB196598:VSD196601 VIF196598:VIH196601 UYJ196598:UYL196601 UON196598:UOP196601 UER196598:UET196601 TUV196598:TUX196601 TKZ196598:TLB196601 TBD196598:TBF196601 SRH196598:SRJ196601 SHL196598:SHN196601 RXP196598:RXR196601 RNT196598:RNV196601 RDX196598:RDZ196601 QUB196598:QUD196601 QKF196598:QKH196601 QAJ196598:QAL196601 PQN196598:PQP196601 PGR196598:PGT196601 OWV196598:OWX196601 OMZ196598:ONB196601 ODD196598:ODF196601 NTH196598:NTJ196601 NJL196598:NJN196601 MZP196598:MZR196601 MPT196598:MPV196601 MFX196598:MFZ196601 LWB196598:LWD196601 LMF196598:LMH196601 LCJ196598:LCL196601 KSN196598:KSP196601 KIR196598:KIT196601 JYV196598:JYX196601 JOZ196598:JPB196601 JFD196598:JFF196601 IVH196598:IVJ196601 ILL196598:ILN196601 IBP196598:IBR196601 HRT196598:HRV196601 HHX196598:HHZ196601 GYB196598:GYD196601 GOF196598:GOH196601 GEJ196598:GEL196601 FUN196598:FUP196601 FKR196598:FKT196601 FAV196598:FAX196601 EQZ196598:ERB196601 EHD196598:EHF196601 DXH196598:DXJ196601 DNL196598:DNN196601 DDP196598:DDR196601 CTT196598:CTV196601 CJX196598:CJZ196601 CAB196598:CAD196601 BQF196598:BQH196601 BGJ196598:BGL196601 AWN196598:AWP196601 AMR196598:AMT196601 ACV196598:ACX196601 SZ196598:TB196601 JD196598:JF196601 N196598:P196601 WVP131062:WVR131065 WLT131062:WLV131065 WBX131062:WBZ131065 VSB131062:VSD131065 VIF131062:VIH131065 UYJ131062:UYL131065 UON131062:UOP131065 UER131062:UET131065 TUV131062:TUX131065 TKZ131062:TLB131065 TBD131062:TBF131065 SRH131062:SRJ131065 SHL131062:SHN131065 RXP131062:RXR131065 RNT131062:RNV131065 RDX131062:RDZ131065 QUB131062:QUD131065 QKF131062:QKH131065 QAJ131062:QAL131065 PQN131062:PQP131065 PGR131062:PGT131065 OWV131062:OWX131065 OMZ131062:ONB131065 ODD131062:ODF131065 NTH131062:NTJ131065 NJL131062:NJN131065 MZP131062:MZR131065 MPT131062:MPV131065 MFX131062:MFZ131065 LWB131062:LWD131065 LMF131062:LMH131065 LCJ131062:LCL131065 KSN131062:KSP131065 KIR131062:KIT131065 JYV131062:JYX131065 JOZ131062:JPB131065 JFD131062:JFF131065 IVH131062:IVJ131065 ILL131062:ILN131065 IBP131062:IBR131065 HRT131062:HRV131065 HHX131062:HHZ131065 GYB131062:GYD131065 GOF131062:GOH131065 GEJ131062:GEL131065 FUN131062:FUP131065 FKR131062:FKT131065 FAV131062:FAX131065 EQZ131062:ERB131065 EHD131062:EHF131065 DXH131062:DXJ131065 DNL131062:DNN131065 DDP131062:DDR131065 CTT131062:CTV131065 CJX131062:CJZ131065 CAB131062:CAD131065 BQF131062:BQH131065 BGJ131062:BGL131065 AWN131062:AWP131065 AMR131062:AMT131065 ACV131062:ACX131065 SZ131062:TB131065 JD131062:JF131065 N131062:P131065 WVP65526:WVR65529 WLT65526:WLV65529 WBX65526:WBZ65529 VSB65526:VSD65529 VIF65526:VIH65529 UYJ65526:UYL65529 UON65526:UOP65529 UER65526:UET65529 TUV65526:TUX65529 TKZ65526:TLB65529 TBD65526:TBF65529 SRH65526:SRJ65529 SHL65526:SHN65529 RXP65526:RXR65529 RNT65526:RNV65529 RDX65526:RDZ65529 QUB65526:QUD65529 QKF65526:QKH65529 QAJ65526:QAL65529 PQN65526:PQP65529 PGR65526:PGT65529 OWV65526:OWX65529 OMZ65526:ONB65529 ODD65526:ODF65529 NTH65526:NTJ65529 NJL65526:NJN65529 MZP65526:MZR65529 MPT65526:MPV65529 MFX65526:MFZ65529 LWB65526:LWD65529 LMF65526:LMH65529 LCJ65526:LCL65529 KSN65526:KSP65529 KIR65526:KIT65529 JYV65526:JYX65529 JOZ65526:JPB65529 JFD65526:JFF65529 IVH65526:IVJ65529 ILL65526:ILN65529 IBP65526:IBR65529 HRT65526:HRV65529 HHX65526:HHZ65529 GYB65526:GYD65529 GOF65526:GOH65529 GEJ65526:GEL65529 FUN65526:FUP65529 FKR65526:FKT65529 FAV65526:FAX65529 EQZ65526:ERB65529 EHD65526:EHF65529 DXH65526:DXJ65529 DNL65526:DNN65529 DDP65526:DDR65529 CTT65526:CTV65529 CJX65526:CJZ65529 CAB65526:CAD65529 BQF65526:BQH65529 BGJ65526:BGL65529 AWN65526:AWP65529 AMR65526:AMT65529 ACV65526:ACX65529 SZ65526:TB65529 JD65526:JF65529 N65526:P65529 JD23:JF27 WVP23:WVR27 WLT23:WLV27 WBX23:WBZ27 VSB23:VSD27 VIF23:VIH27 UYJ23:UYL27 UON23:UOP27 UER23:UET27 TUV23:TUX27 TKZ23:TLB27 TBD23:TBF27 SRH23:SRJ27 SHL23:SHN27 RXP23:RXR27 RNT23:RNV27 RDX23:RDZ27 QUB23:QUD27 QKF23:QKH27 QAJ23:QAL27 PQN23:PQP27 PGR23:PGT27 OWV23:OWX27 OMZ23:ONB27 ODD23:ODF27 NTH23:NTJ27 NJL23:NJN27 MZP23:MZR27 MPT23:MPV27 MFX23:MFZ27 LWB23:LWD27 LMF23:LMH27 LCJ23:LCL27 KSN23:KSP27 KIR23:KIT27 JYV23:JYX27 JOZ23:JPB27 JFD23:JFF27 IVH23:IVJ27 ILL23:ILN27 IBP23:IBR27 HRT23:HRV27 HHX23:HHZ27 GYB23:GYD27 GOF23:GOH27 GEJ23:GEL27 FUN23:FUP27 FKR23:FKT27 FAV23:FAX27 EQZ23:ERB27 EHD23:EHF27 DXH23:DXJ27 DNL23:DNN27 DDP23:DDR27 CTT23:CTV27 CJX23:CJZ27 CAB23:CAD27 BQF23:BQH27 BGJ23:BGL27 AWN23:AWP27 AMR23:AMT27 ACV23:ACX27 SZ23:TB27" xr:uid="{00000000-0002-0000-0600-000005000000}">
      <formula1>$AF$23:$AF$23</formula1>
    </dataValidation>
    <dataValidation allowBlank="1" showInputMessage="1" showErrorMessage="1" promptTitle="提出年月日" prompt="和暦で記入してください。" sqref="O6:Q6" xr:uid="{00000000-0002-0000-0600-000006000000}"/>
  </dataValidations>
  <printOptions horizontalCentered="1"/>
  <pageMargins left="0.59055118110236227" right="0.59055118110236227" top="0.59055118110236227" bottom="0.59055118110236227" header="0.31496062992125984" footer="0.31496062992125984"/>
  <pageSetup paperSize="9" orientation="portrait" blackAndWhite="1" r:id="rId2"/>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I49"/>
  <sheetViews>
    <sheetView view="pageBreakPreview" zoomScaleNormal="100" zoomScaleSheetLayoutView="100" workbookViewId="0">
      <selection activeCell="D1" sqref="D1"/>
    </sheetView>
  </sheetViews>
  <sheetFormatPr defaultRowHeight="14.4"/>
  <cols>
    <col min="1" max="1" width="7.44140625" style="88" customWidth="1"/>
    <col min="2" max="2" width="23.77734375" style="88" customWidth="1"/>
    <col min="3" max="3" width="12.21875" style="88" customWidth="1"/>
    <col min="4" max="4" width="6.109375" style="88" customWidth="1"/>
    <col min="5" max="5" width="1.77734375" style="88" customWidth="1"/>
    <col min="6" max="6" width="7.21875" style="88" customWidth="1"/>
    <col min="7" max="7" width="4.109375" style="88" customWidth="1"/>
    <col min="8" max="8" width="5.77734375" style="88" customWidth="1"/>
    <col min="9" max="9" width="1.77734375" style="88" customWidth="1"/>
    <col min="10" max="10" width="8.88671875" style="88"/>
    <col min="11" max="11" width="5" style="88" customWidth="1"/>
    <col min="12" max="12" width="1.6640625" style="88" customWidth="1"/>
    <col min="13" max="13" width="3.88671875" style="88" customWidth="1"/>
    <col min="14" max="14" width="2.109375" style="88" customWidth="1"/>
    <col min="15" max="16" width="4" style="88" customWidth="1"/>
    <col min="17" max="17" width="13.77734375" style="88" customWidth="1"/>
    <col min="18" max="18" width="1.44140625" style="88" customWidth="1"/>
    <col min="19" max="19" width="2.21875" style="90" customWidth="1"/>
    <col min="20" max="20" width="1.6640625" style="91" customWidth="1"/>
    <col min="21" max="21" width="72.44140625" style="88" customWidth="1"/>
    <col min="22" max="31" width="8.88671875" style="88"/>
    <col min="32" max="33" width="10" style="88" hidden="1" customWidth="1"/>
    <col min="34" max="34" width="68" style="88" hidden="1" customWidth="1"/>
    <col min="35" max="35" width="10" style="88" hidden="1" customWidth="1"/>
    <col min="36" max="43" width="10" style="88" customWidth="1"/>
    <col min="44" max="250" width="8.88671875" style="88"/>
    <col min="251" max="251" width="7.44140625" style="88" customWidth="1"/>
    <col min="252" max="252" width="16" style="88" customWidth="1"/>
    <col min="253" max="253" width="12.21875" style="88" customWidth="1"/>
    <col min="254" max="254" width="6.109375" style="88" customWidth="1"/>
    <col min="255" max="255" width="1.77734375" style="88" customWidth="1"/>
    <col min="256" max="256" width="7.21875" style="88" customWidth="1"/>
    <col min="257" max="257" width="4.109375" style="88" customWidth="1"/>
    <col min="258" max="258" width="5.77734375" style="88" customWidth="1"/>
    <col min="259" max="259" width="1.77734375" style="88" customWidth="1"/>
    <col min="260" max="260" width="8.88671875" style="88"/>
    <col min="261" max="261" width="5" style="88" customWidth="1"/>
    <col min="262" max="262" width="1.6640625" style="88" customWidth="1"/>
    <col min="263" max="263" width="3.88671875" style="88" customWidth="1"/>
    <col min="264" max="264" width="2.109375" style="88" customWidth="1"/>
    <col min="265" max="266" width="4" style="88" customWidth="1"/>
    <col min="267" max="267" width="13.77734375" style="88" customWidth="1"/>
    <col min="268" max="268" width="1.44140625" style="88" customWidth="1"/>
    <col min="269" max="269" width="3.44140625" style="88" customWidth="1"/>
    <col min="270" max="270" width="1.6640625" style="88" customWidth="1"/>
    <col min="271" max="271" width="72.44140625" style="88" customWidth="1"/>
    <col min="272" max="272" width="8.33203125" style="88" customWidth="1"/>
    <col min="273" max="276" width="0" style="88" hidden="1" customWidth="1"/>
    <col min="277" max="287" width="8.88671875" style="88"/>
    <col min="288" max="291" width="0" style="88" hidden="1" customWidth="1"/>
    <col min="292" max="299" width="10" style="88" customWidth="1"/>
    <col min="300" max="506" width="8.88671875" style="88"/>
    <col min="507" max="507" width="7.44140625" style="88" customWidth="1"/>
    <col min="508" max="508" width="16" style="88" customWidth="1"/>
    <col min="509" max="509" width="12.21875" style="88" customWidth="1"/>
    <col min="510" max="510" width="6.109375" style="88" customWidth="1"/>
    <col min="511" max="511" width="1.77734375" style="88" customWidth="1"/>
    <col min="512" max="512" width="7.21875" style="88" customWidth="1"/>
    <col min="513" max="513" width="4.109375" style="88" customWidth="1"/>
    <col min="514" max="514" width="5.77734375" style="88" customWidth="1"/>
    <col min="515" max="515" width="1.77734375" style="88" customWidth="1"/>
    <col min="516" max="516" width="8.88671875" style="88"/>
    <col min="517" max="517" width="5" style="88" customWidth="1"/>
    <col min="518" max="518" width="1.6640625" style="88" customWidth="1"/>
    <col min="519" max="519" width="3.88671875" style="88" customWidth="1"/>
    <col min="520" max="520" width="2.109375" style="88" customWidth="1"/>
    <col min="521" max="522" width="4" style="88" customWidth="1"/>
    <col min="523" max="523" width="13.77734375" style="88" customWidth="1"/>
    <col min="524" max="524" width="1.44140625" style="88" customWidth="1"/>
    <col min="525" max="525" width="3.44140625" style="88" customWidth="1"/>
    <col min="526" max="526" width="1.6640625" style="88" customWidth="1"/>
    <col min="527" max="527" width="72.44140625" style="88" customWidth="1"/>
    <col min="528" max="528" width="8.33203125" style="88" customWidth="1"/>
    <col min="529" max="532" width="0" style="88" hidden="1" customWidth="1"/>
    <col min="533" max="543" width="8.88671875" style="88"/>
    <col min="544" max="547" width="0" style="88" hidden="1" customWidth="1"/>
    <col min="548" max="555" width="10" style="88" customWidth="1"/>
    <col min="556" max="762" width="8.88671875" style="88"/>
    <col min="763" max="763" width="7.44140625" style="88" customWidth="1"/>
    <col min="764" max="764" width="16" style="88" customWidth="1"/>
    <col min="765" max="765" width="12.21875" style="88" customWidth="1"/>
    <col min="766" max="766" width="6.109375" style="88" customWidth="1"/>
    <col min="767" max="767" width="1.77734375" style="88" customWidth="1"/>
    <col min="768" max="768" width="7.21875" style="88" customWidth="1"/>
    <col min="769" max="769" width="4.109375" style="88" customWidth="1"/>
    <col min="770" max="770" width="5.77734375" style="88" customWidth="1"/>
    <col min="771" max="771" width="1.77734375" style="88" customWidth="1"/>
    <col min="772" max="772" width="8.88671875" style="88"/>
    <col min="773" max="773" width="5" style="88" customWidth="1"/>
    <col min="774" max="774" width="1.6640625" style="88" customWidth="1"/>
    <col min="775" max="775" width="3.88671875" style="88" customWidth="1"/>
    <col min="776" max="776" width="2.109375" style="88" customWidth="1"/>
    <col min="777" max="778" width="4" style="88" customWidth="1"/>
    <col min="779" max="779" width="13.77734375" style="88" customWidth="1"/>
    <col min="780" max="780" width="1.44140625" style="88" customWidth="1"/>
    <col min="781" max="781" width="3.44140625" style="88" customWidth="1"/>
    <col min="782" max="782" width="1.6640625" style="88" customWidth="1"/>
    <col min="783" max="783" width="72.44140625" style="88" customWidth="1"/>
    <col min="784" max="784" width="8.33203125" style="88" customWidth="1"/>
    <col min="785" max="788" width="0" style="88" hidden="1" customWidth="1"/>
    <col min="789" max="799" width="8.88671875" style="88"/>
    <col min="800" max="803" width="0" style="88" hidden="1" customWidth="1"/>
    <col min="804" max="811" width="10" style="88" customWidth="1"/>
    <col min="812" max="1018" width="8.88671875" style="88"/>
    <col min="1019" max="1019" width="7.44140625" style="88" customWidth="1"/>
    <col min="1020" max="1020" width="16" style="88" customWidth="1"/>
    <col min="1021" max="1021" width="12.21875" style="88" customWidth="1"/>
    <col min="1022" max="1022" width="6.109375" style="88" customWidth="1"/>
    <col min="1023" max="1023" width="1.77734375" style="88" customWidth="1"/>
    <col min="1024" max="1024" width="7.21875" style="88" customWidth="1"/>
    <col min="1025" max="1025" width="4.109375" style="88" customWidth="1"/>
    <col min="1026" max="1026" width="5.77734375" style="88" customWidth="1"/>
    <col min="1027" max="1027" width="1.77734375" style="88" customWidth="1"/>
    <col min="1028" max="1028" width="8.88671875" style="88"/>
    <col min="1029" max="1029" width="5" style="88" customWidth="1"/>
    <col min="1030" max="1030" width="1.6640625" style="88" customWidth="1"/>
    <col min="1031" max="1031" width="3.88671875" style="88" customWidth="1"/>
    <col min="1032" max="1032" width="2.109375" style="88" customWidth="1"/>
    <col min="1033" max="1034" width="4" style="88" customWidth="1"/>
    <col min="1035" max="1035" width="13.77734375" style="88" customWidth="1"/>
    <col min="1036" max="1036" width="1.44140625" style="88" customWidth="1"/>
    <col min="1037" max="1037" width="3.44140625" style="88" customWidth="1"/>
    <col min="1038" max="1038" width="1.6640625" style="88" customWidth="1"/>
    <col min="1039" max="1039" width="72.44140625" style="88" customWidth="1"/>
    <col min="1040" max="1040" width="8.33203125" style="88" customWidth="1"/>
    <col min="1041" max="1044" width="0" style="88" hidden="1" customWidth="1"/>
    <col min="1045" max="1055" width="8.88671875" style="88"/>
    <col min="1056" max="1059" width="0" style="88" hidden="1" customWidth="1"/>
    <col min="1060" max="1067" width="10" style="88" customWidth="1"/>
    <col min="1068" max="1274" width="8.88671875" style="88"/>
    <col min="1275" max="1275" width="7.44140625" style="88" customWidth="1"/>
    <col min="1276" max="1276" width="16" style="88" customWidth="1"/>
    <col min="1277" max="1277" width="12.21875" style="88" customWidth="1"/>
    <col min="1278" max="1278" width="6.109375" style="88" customWidth="1"/>
    <col min="1279" max="1279" width="1.77734375" style="88" customWidth="1"/>
    <col min="1280" max="1280" width="7.21875" style="88" customWidth="1"/>
    <col min="1281" max="1281" width="4.109375" style="88" customWidth="1"/>
    <col min="1282" max="1282" width="5.77734375" style="88" customWidth="1"/>
    <col min="1283" max="1283" width="1.77734375" style="88" customWidth="1"/>
    <col min="1284" max="1284" width="8.88671875" style="88"/>
    <col min="1285" max="1285" width="5" style="88" customWidth="1"/>
    <col min="1286" max="1286" width="1.6640625" style="88" customWidth="1"/>
    <col min="1287" max="1287" width="3.88671875" style="88" customWidth="1"/>
    <col min="1288" max="1288" width="2.109375" style="88" customWidth="1"/>
    <col min="1289" max="1290" width="4" style="88" customWidth="1"/>
    <col min="1291" max="1291" width="13.77734375" style="88" customWidth="1"/>
    <col min="1292" max="1292" width="1.44140625" style="88" customWidth="1"/>
    <col min="1293" max="1293" width="3.44140625" style="88" customWidth="1"/>
    <col min="1294" max="1294" width="1.6640625" style="88" customWidth="1"/>
    <col min="1295" max="1295" width="72.44140625" style="88" customWidth="1"/>
    <col min="1296" max="1296" width="8.33203125" style="88" customWidth="1"/>
    <col min="1297" max="1300" width="0" style="88" hidden="1" customWidth="1"/>
    <col min="1301" max="1311" width="8.88671875" style="88"/>
    <col min="1312" max="1315" width="0" style="88" hidden="1" customWidth="1"/>
    <col min="1316" max="1323" width="10" style="88" customWidth="1"/>
    <col min="1324" max="1530" width="8.88671875" style="88"/>
    <col min="1531" max="1531" width="7.44140625" style="88" customWidth="1"/>
    <col min="1532" max="1532" width="16" style="88" customWidth="1"/>
    <col min="1533" max="1533" width="12.21875" style="88" customWidth="1"/>
    <col min="1534" max="1534" width="6.109375" style="88" customWidth="1"/>
    <col min="1535" max="1535" width="1.77734375" style="88" customWidth="1"/>
    <col min="1536" max="1536" width="7.21875" style="88" customWidth="1"/>
    <col min="1537" max="1537" width="4.109375" style="88" customWidth="1"/>
    <col min="1538" max="1538" width="5.77734375" style="88" customWidth="1"/>
    <col min="1539" max="1539" width="1.77734375" style="88" customWidth="1"/>
    <col min="1540" max="1540" width="8.88671875" style="88"/>
    <col min="1541" max="1541" width="5" style="88" customWidth="1"/>
    <col min="1542" max="1542" width="1.6640625" style="88" customWidth="1"/>
    <col min="1543" max="1543" width="3.88671875" style="88" customWidth="1"/>
    <col min="1544" max="1544" width="2.109375" style="88" customWidth="1"/>
    <col min="1545" max="1546" width="4" style="88" customWidth="1"/>
    <col min="1547" max="1547" width="13.77734375" style="88" customWidth="1"/>
    <col min="1548" max="1548" width="1.44140625" style="88" customWidth="1"/>
    <col min="1549" max="1549" width="3.44140625" style="88" customWidth="1"/>
    <col min="1550" max="1550" width="1.6640625" style="88" customWidth="1"/>
    <col min="1551" max="1551" width="72.44140625" style="88" customWidth="1"/>
    <col min="1552" max="1552" width="8.33203125" style="88" customWidth="1"/>
    <col min="1553" max="1556" width="0" style="88" hidden="1" customWidth="1"/>
    <col min="1557" max="1567" width="8.88671875" style="88"/>
    <col min="1568" max="1571" width="0" style="88" hidden="1" customWidth="1"/>
    <col min="1572" max="1579" width="10" style="88" customWidth="1"/>
    <col min="1580" max="1786" width="8.88671875" style="88"/>
    <col min="1787" max="1787" width="7.44140625" style="88" customWidth="1"/>
    <col min="1788" max="1788" width="16" style="88" customWidth="1"/>
    <col min="1789" max="1789" width="12.21875" style="88" customWidth="1"/>
    <col min="1790" max="1790" width="6.109375" style="88" customWidth="1"/>
    <col min="1791" max="1791" width="1.77734375" style="88" customWidth="1"/>
    <col min="1792" max="1792" width="7.21875" style="88" customWidth="1"/>
    <col min="1793" max="1793" width="4.109375" style="88" customWidth="1"/>
    <col min="1794" max="1794" width="5.77734375" style="88" customWidth="1"/>
    <col min="1795" max="1795" width="1.77734375" style="88" customWidth="1"/>
    <col min="1796" max="1796" width="8.88671875" style="88"/>
    <col min="1797" max="1797" width="5" style="88" customWidth="1"/>
    <col min="1798" max="1798" width="1.6640625" style="88" customWidth="1"/>
    <col min="1799" max="1799" width="3.88671875" style="88" customWidth="1"/>
    <col min="1800" max="1800" width="2.109375" style="88" customWidth="1"/>
    <col min="1801" max="1802" width="4" style="88" customWidth="1"/>
    <col min="1803" max="1803" width="13.77734375" style="88" customWidth="1"/>
    <col min="1804" max="1804" width="1.44140625" style="88" customWidth="1"/>
    <col min="1805" max="1805" width="3.44140625" style="88" customWidth="1"/>
    <col min="1806" max="1806" width="1.6640625" style="88" customWidth="1"/>
    <col min="1807" max="1807" width="72.44140625" style="88" customWidth="1"/>
    <col min="1808" max="1808" width="8.33203125" style="88" customWidth="1"/>
    <col min="1809" max="1812" width="0" style="88" hidden="1" customWidth="1"/>
    <col min="1813" max="1823" width="8.88671875" style="88"/>
    <col min="1824" max="1827" width="0" style="88" hidden="1" customWidth="1"/>
    <col min="1828" max="1835" width="10" style="88" customWidth="1"/>
    <col min="1836" max="2042" width="8.88671875" style="88"/>
    <col min="2043" max="2043" width="7.44140625" style="88" customWidth="1"/>
    <col min="2044" max="2044" width="16" style="88" customWidth="1"/>
    <col min="2045" max="2045" width="12.21875" style="88" customWidth="1"/>
    <col min="2046" max="2046" width="6.109375" style="88" customWidth="1"/>
    <col min="2047" max="2047" width="1.77734375" style="88" customWidth="1"/>
    <col min="2048" max="2048" width="7.21875" style="88" customWidth="1"/>
    <col min="2049" max="2049" width="4.109375" style="88" customWidth="1"/>
    <col min="2050" max="2050" width="5.77734375" style="88" customWidth="1"/>
    <col min="2051" max="2051" width="1.77734375" style="88" customWidth="1"/>
    <col min="2052" max="2052" width="8.88671875" style="88"/>
    <col min="2053" max="2053" width="5" style="88" customWidth="1"/>
    <col min="2054" max="2054" width="1.6640625" style="88" customWidth="1"/>
    <col min="2055" max="2055" width="3.88671875" style="88" customWidth="1"/>
    <col min="2056" max="2056" width="2.109375" style="88" customWidth="1"/>
    <col min="2057" max="2058" width="4" style="88" customWidth="1"/>
    <col min="2059" max="2059" width="13.77734375" style="88" customWidth="1"/>
    <col min="2060" max="2060" width="1.44140625" style="88" customWidth="1"/>
    <col min="2061" max="2061" width="3.44140625" style="88" customWidth="1"/>
    <col min="2062" max="2062" width="1.6640625" style="88" customWidth="1"/>
    <col min="2063" max="2063" width="72.44140625" style="88" customWidth="1"/>
    <col min="2064" max="2064" width="8.33203125" style="88" customWidth="1"/>
    <col min="2065" max="2068" width="0" style="88" hidden="1" customWidth="1"/>
    <col min="2069" max="2079" width="8.88671875" style="88"/>
    <col min="2080" max="2083" width="0" style="88" hidden="1" customWidth="1"/>
    <col min="2084" max="2091" width="10" style="88" customWidth="1"/>
    <col min="2092" max="2298" width="8.88671875" style="88"/>
    <col min="2299" max="2299" width="7.44140625" style="88" customWidth="1"/>
    <col min="2300" max="2300" width="16" style="88" customWidth="1"/>
    <col min="2301" max="2301" width="12.21875" style="88" customWidth="1"/>
    <col min="2302" max="2302" width="6.109375" style="88" customWidth="1"/>
    <col min="2303" max="2303" width="1.77734375" style="88" customWidth="1"/>
    <col min="2304" max="2304" width="7.21875" style="88" customWidth="1"/>
    <col min="2305" max="2305" width="4.109375" style="88" customWidth="1"/>
    <col min="2306" max="2306" width="5.77734375" style="88" customWidth="1"/>
    <col min="2307" max="2307" width="1.77734375" style="88" customWidth="1"/>
    <col min="2308" max="2308" width="8.88671875" style="88"/>
    <col min="2309" max="2309" width="5" style="88" customWidth="1"/>
    <col min="2310" max="2310" width="1.6640625" style="88" customWidth="1"/>
    <col min="2311" max="2311" width="3.88671875" style="88" customWidth="1"/>
    <col min="2312" max="2312" width="2.109375" style="88" customWidth="1"/>
    <col min="2313" max="2314" width="4" style="88" customWidth="1"/>
    <col min="2315" max="2315" width="13.77734375" style="88" customWidth="1"/>
    <col min="2316" max="2316" width="1.44140625" style="88" customWidth="1"/>
    <col min="2317" max="2317" width="3.44140625" style="88" customWidth="1"/>
    <col min="2318" max="2318" width="1.6640625" style="88" customWidth="1"/>
    <col min="2319" max="2319" width="72.44140625" style="88" customWidth="1"/>
    <col min="2320" max="2320" width="8.33203125" style="88" customWidth="1"/>
    <col min="2321" max="2324" width="0" style="88" hidden="1" customWidth="1"/>
    <col min="2325" max="2335" width="8.88671875" style="88"/>
    <col min="2336" max="2339" width="0" style="88" hidden="1" customWidth="1"/>
    <col min="2340" max="2347" width="10" style="88" customWidth="1"/>
    <col min="2348" max="2554" width="8.88671875" style="88"/>
    <col min="2555" max="2555" width="7.44140625" style="88" customWidth="1"/>
    <col min="2556" max="2556" width="16" style="88" customWidth="1"/>
    <col min="2557" max="2557" width="12.21875" style="88" customWidth="1"/>
    <col min="2558" max="2558" width="6.109375" style="88" customWidth="1"/>
    <col min="2559" max="2559" width="1.77734375" style="88" customWidth="1"/>
    <col min="2560" max="2560" width="7.21875" style="88" customWidth="1"/>
    <col min="2561" max="2561" width="4.109375" style="88" customWidth="1"/>
    <col min="2562" max="2562" width="5.77734375" style="88" customWidth="1"/>
    <col min="2563" max="2563" width="1.77734375" style="88" customWidth="1"/>
    <col min="2564" max="2564" width="8.88671875" style="88"/>
    <col min="2565" max="2565" width="5" style="88" customWidth="1"/>
    <col min="2566" max="2566" width="1.6640625" style="88" customWidth="1"/>
    <col min="2567" max="2567" width="3.88671875" style="88" customWidth="1"/>
    <col min="2568" max="2568" width="2.109375" style="88" customWidth="1"/>
    <col min="2569" max="2570" width="4" style="88" customWidth="1"/>
    <col min="2571" max="2571" width="13.77734375" style="88" customWidth="1"/>
    <col min="2572" max="2572" width="1.44140625" style="88" customWidth="1"/>
    <col min="2573" max="2573" width="3.44140625" style="88" customWidth="1"/>
    <col min="2574" max="2574" width="1.6640625" style="88" customWidth="1"/>
    <col min="2575" max="2575" width="72.44140625" style="88" customWidth="1"/>
    <col min="2576" max="2576" width="8.33203125" style="88" customWidth="1"/>
    <col min="2577" max="2580" width="0" style="88" hidden="1" customWidth="1"/>
    <col min="2581" max="2591" width="8.88671875" style="88"/>
    <col min="2592" max="2595" width="0" style="88" hidden="1" customWidth="1"/>
    <col min="2596" max="2603" width="10" style="88" customWidth="1"/>
    <col min="2604" max="2810" width="8.88671875" style="88"/>
    <col min="2811" max="2811" width="7.44140625" style="88" customWidth="1"/>
    <col min="2812" max="2812" width="16" style="88" customWidth="1"/>
    <col min="2813" max="2813" width="12.21875" style="88" customWidth="1"/>
    <col min="2814" max="2814" width="6.109375" style="88" customWidth="1"/>
    <col min="2815" max="2815" width="1.77734375" style="88" customWidth="1"/>
    <col min="2816" max="2816" width="7.21875" style="88" customWidth="1"/>
    <col min="2817" max="2817" width="4.109375" style="88" customWidth="1"/>
    <col min="2818" max="2818" width="5.77734375" style="88" customWidth="1"/>
    <col min="2819" max="2819" width="1.77734375" style="88" customWidth="1"/>
    <col min="2820" max="2820" width="8.88671875" style="88"/>
    <col min="2821" max="2821" width="5" style="88" customWidth="1"/>
    <col min="2822" max="2822" width="1.6640625" style="88" customWidth="1"/>
    <col min="2823" max="2823" width="3.88671875" style="88" customWidth="1"/>
    <col min="2824" max="2824" width="2.109375" style="88" customWidth="1"/>
    <col min="2825" max="2826" width="4" style="88" customWidth="1"/>
    <col min="2827" max="2827" width="13.77734375" style="88" customWidth="1"/>
    <col min="2828" max="2828" width="1.44140625" style="88" customWidth="1"/>
    <col min="2829" max="2829" width="3.44140625" style="88" customWidth="1"/>
    <col min="2830" max="2830" width="1.6640625" style="88" customWidth="1"/>
    <col min="2831" max="2831" width="72.44140625" style="88" customWidth="1"/>
    <col min="2832" max="2832" width="8.33203125" style="88" customWidth="1"/>
    <col min="2833" max="2836" width="0" style="88" hidden="1" customWidth="1"/>
    <col min="2837" max="2847" width="8.88671875" style="88"/>
    <col min="2848" max="2851" width="0" style="88" hidden="1" customWidth="1"/>
    <col min="2852" max="2859" width="10" style="88" customWidth="1"/>
    <col min="2860" max="3066" width="8.88671875" style="88"/>
    <col min="3067" max="3067" width="7.44140625" style="88" customWidth="1"/>
    <col min="3068" max="3068" width="16" style="88" customWidth="1"/>
    <col min="3069" max="3069" width="12.21875" style="88" customWidth="1"/>
    <col min="3070" max="3070" width="6.109375" style="88" customWidth="1"/>
    <col min="3071" max="3071" width="1.77734375" style="88" customWidth="1"/>
    <col min="3072" max="3072" width="7.21875" style="88" customWidth="1"/>
    <col min="3073" max="3073" width="4.109375" style="88" customWidth="1"/>
    <col min="3074" max="3074" width="5.77734375" style="88" customWidth="1"/>
    <col min="3075" max="3075" width="1.77734375" style="88" customWidth="1"/>
    <col min="3076" max="3076" width="8.88671875" style="88"/>
    <col min="3077" max="3077" width="5" style="88" customWidth="1"/>
    <col min="3078" max="3078" width="1.6640625" style="88" customWidth="1"/>
    <col min="3079" max="3079" width="3.88671875" style="88" customWidth="1"/>
    <col min="3080" max="3080" width="2.109375" style="88" customWidth="1"/>
    <col min="3081" max="3082" width="4" style="88" customWidth="1"/>
    <col min="3083" max="3083" width="13.77734375" style="88" customWidth="1"/>
    <col min="3084" max="3084" width="1.44140625" style="88" customWidth="1"/>
    <col min="3085" max="3085" width="3.44140625" style="88" customWidth="1"/>
    <col min="3086" max="3086" width="1.6640625" style="88" customWidth="1"/>
    <col min="3087" max="3087" width="72.44140625" style="88" customWidth="1"/>
    <col min="3088" max="3088" width="8.33203125" style="88" customWidth="1"/>
    <col min="3089" max="3092" width="0" style="88" hidden="1" customWidth="1"/>
    <col min="3093" max="3103" width="8.88671875" style="88"/>
    <col min="3104" max="3107" width="0" style="88" hidden="1" customWidth="1"/>
    <col min="3108" max="3115" width="10" style="88" customWidth="1"/>
    <col min="3116" max="3322" width="8.88671875" style="88"/>
    <col min="3323" max="3323" width="7.44140625" style="88" customWidth="1"/>
    <col min="3324" max="3324" width="16" style="88" customWidth="1"/>
    <col min="3325" max="3325" width="12.21875" style="88" customWidth="1"/>
    <col min="3326" max="3326" width="6.109375" style="88" customWidth="1"/>
    <col min="3327" max="3327" width="1.77734375" style="88" customWidth="1"/>
    <col min="3328" max="3328" width="7.21875" style="88" customWidth="1"/>
    <col min="3329" max="3329" width="4.109375" style="88" customWidth="1"/>
    <col min="3330" max="3330" width="5.77734375" style="88" customWidth="1"/>
    <col min="3331" max="3331" width="1.77734375" style="88" customWidth="1"/>
    <col min="3332" max="3332" width="8.88671875" style="88"/>
    <col min="3333" max="3333" width="5" style="88" customWidth="1"/>
    <col min="3334" max="3334" width="1.6640625" style="88" customWidth="1"/>
    <col min="3335" max="3335" width="3.88671875" style="88" customWidth="1"/>
    <col min="3336" max="3336" width="2.109375" style="88" customWidth="1"/>
    <col min="3337" max="3338" width="4" style="88" customWidth="1"/>
    <col min="3339" max="3339" width="13.77734375" style="88" customWidth="1"/>
    <col min="3340" max="3340" width="1.44140625" style="88" customWidth="1"/>
    <col min="3341" max="3341" width="3.44140625" style="88" customWidth="1"/>
    <col min="3342" max="3342" width="1.6640625" style="88" customWidth="1"/>
    <col min="3343" max="3343" width="72.44140625" style="88" customWidth="1"/>
    <col min="3344" max="3344" width="8.33203125" style="88" customWidth="1"/>
    <col min="3345" max="3348" width="0" style="88" hidden="1" customWidth="1"/>
    <col min="3349" max="3359" width="8.88671875" style="88"/>
    <col min="3360" max="3363" width="0" style="88" hidden="1" customWidth="1"/>
    <col min="3364" max="3371" width="10" style="88" customWidth="1"/>
    <col min="3372" max="3578" width="8.88671875" style="88"/>
    <col min="3579" max="3579" width="7.44140625" style="88" customWidth="1"/>
    <col min="3580" max="3580" width="16" style="88" customWidth="1"/>
    <col min="3581" max="3581" width="12.21875" style="88" customWidth="1"/>
    <col min="3582" max="3582" width="6.109375" style="88" customWidth="1"/>
    <col min="3583" max="3583" width="1.77734375" style="88" customWidth="1"/>
    <col min="3584" max="3584" width="7.21875" style="88" customWidth="1"/>
    <col min="3585" max="3585" width="4.109375" style="88" customWidth="1"/>
    <col min="3586" max="3586" width="5.77734375" style="88" customWidth="1"/>
    <col min="3587" max="3587" width="1.77734375" style="88" customWidth="1"/>
    <col min="3588" max="3588" width="8.88671875" style="88"/>
    <col min="3589" max="3589" width="5" style="88" customWidth="1"/>
    <col min="3590" max="3590" width="1.6640625" style="88" customWidth="1"/>
    <col min="3591" max="3591" width="3.88671875" style="88" customWidth="1"/>
    <col min="3592" max="3592" width="2.109375" style="88" customWidth="1"/>
    <col min="3593" max="3594" width="4" style="88" customWidth="1"/>
    <col min="3595" max="3595" width="13.77734375" style="88" customWidth="1"/>
    <col min="3596" max="3596" width="1.44140625" style="88" customWidth="1"/>
    <col min="3597" max="3597" width="3.44140625" style="88" customWidth="1"/>
    <col min="3598" max="3598" width="1.6640625" style="88" customWidth="1"/>
    <col min="3599" max="3599" width="72.44140625" style="88" customWidth="1"/>
    <col min="3600" max="3600" width="8.33203125" style="88" customWidth="1"/>
    <col min="3601" max="3604" width="0" style="88" hidden="1" customWidth="1"/>
    <col min="3605" max="3615" width="8.88671875" style="88"/>
    <col min="3616" max="3619" width="0" style="88" hidden="1" customWidth="1"/>
    <col min="3620" max="3627" width="10" style="88" customWidth="1"/>
    <col min="3628" max="3834" width="8.88671875" style="88"/>
    <col min="3835" max="3835" width="7.44140625" style="88" customWidth="1"/>
    <col min="3836" max="3836" width="16" style="88" customWidth="1"/>
    <col min="3837" max="3837" width="12.21875" style="88" customWidth="1"/>
    <col min="3838" max="3838" width="6.109375" style="88" customWidth="1"/>
    <col min="3839" max="3839" width="1.77734375" style="88" customWidth="1"/>
    <col min="3840" max="3840" width="7.21875" style="88" customWidth="1"/>
    <col min="3841" max="3841" width="4.109375" style="88" customWidth="1"/>
    <col min="3842" max="3842" width="5.77734375" style="88" customWidth="1"/>
    <col min="3843" max="3843" width="1.77734375" style="88" customWidth="1"/>
    <col min="3844" max="3844" width="8.88671875" style="88"/>
    <col min="3845" max="3845" width="5" style="88" customWidth="1"/>
    <col min="3846" max="3846" width="1.6640625" style="88" customWidth="1"/>
    <col min="3847" max="3847" width="3.88671875" style="88" customWidth="1"/>
    <col min="3848" max="3848" width="2.109375" style="88" customWidth="1"/>
    <col min="3849" max="3850" width="4" style="88" customWidth="1"/>
    <col min="3851" max="3851" width="13.77734375" style="88" customWidth="1"/>
    <col min="3852" max="3852" width="1.44140625" style="88" customWidth="1"/>
    <col min="3853" max="3853" width="3.44140625" style="88" customWidth="1"/>
    <col min="3854" max="3854" width="1.6640625" style="88" customWidth="1"/>
    <col min="3855" max="3855" width="72.44140625" style="88" customWidth="1"/>
    <col min="3856" max="3856" width="8.33203125" style="88" customWidth="1"/>
    <col min="3857" max="3860" width="0" style="88" hidden="1" customWidth="1"/>
    <col min="3861" max="3871" width="8.88671875" style="88"/>
    <col min="3872" max="3875" width="0" style="88" hidden="1" customWidth="1"/>
    <col min="3876" max="3883" width="10" style="88" customWidth="1"/>
    <col min="3884" max="4090" width="8.88671875" style="88"/>
    <col min="4091" max="4091" width="7.44140625" style="88" customWidth="1"/>
    <col min="4092" max="4092" width="16" style="88" customWidth="1"/>
    <col min="4093" max="4093" width="12.21875" style="88" customWidth="1"/>
    <col min="4094" max="4094" width="6.109375" style="88" customWidth="1"/>
    <col min="4095" max="4095" width="1.77734375" style="88" customWidth="1"/>
    <col min="4096" max="4096" width="7.21875" style="88" customWidth="1"/>
    <col min="4097" max="4097" width="4.109375" style="88" customWidth="1"/>
    <col min="4098" max="4098" width="5.77734375" style="88" customWidth="1"/>
    <col min="4099" max="4099" width="1.77734375" style="88" customWidth="1"/>
    <col min="4100" max="4100" width="8.88671875" style="88"/>
    <col min="4101" max="4101" width="5" style="88" customWidth="1"/>
    <col min="4102" max="4102" width="1.6640625" style="88" customWidth="1"/>
    <col min="4103" max="4103" width="3.88671875" style="88" customWidth="1"/>
    <col min="4104" max="4104" width="2.109375" style="88" customWidth="1"/>
    <col min="4105" max="4106" width="4" style="88" customWidth="1"/>
    <col min="4107" max="4107" width="13.77734375" style="88" customWidth="1"/>
    <col min="4108" max="4108" width="1.44140625" style="88" customWidth="1"/>
    <col min="4109" max="4109" width="3.44140625" style="88" customWidth="1"/>
    <col min="4110" max="4110" width="1.6640625" style="88" customWidth="1"/>
    <col min="4111" max="4111" width="72.44140625" style="88" customWidth="1"/>
    <col min="4112" max="4112" width="8.33203125" style="88" customWidth="1"/>
    <col min="4113" max="4116" width="0" style="88" hidden="1" customWidth="1"/>
    <col min="4117" max="4127" width="8.88671875" style="88"/>
    <col min="4128" max="4131" width="0" style="88" hidden="1" customWidth="1"/>
    <col min="4132" max="4139" width="10" style="88" customWidth="1"/>
    <col min="4140" max="4346" width="8.88671875" style="88"/>
    <col min="4347" max="4347" width="7.44140625" style="88" customWidth="1"/>
    <col min="4348" max="4348" width="16" style="88" customWidth="1"/>
    <col min="4349" max="4349" width="12.21875" style="88" customWidth="1"/>
    <col min="4350" max="4350" width="6.109375" style="88" customWidth="1"/>
    <col min="4351" max="4351" width="1.77734375" style="88" customWidth="1"/>
    <col min="4352" max="4352" width="7.21875" style="88" customWidth="1"/>
    <col min="4353" max="4353" width="4.109375" style="88" customWidth="1"/>
    <col min="4354" max="4354" width="5.77734375" style="88" customWidth="1"/>
    <col min="4355" max="4355" width="1.77734375" style="88" customWidth="1"/>
    <col min="4356" max="4356" width="8.88671875" style="88"/>
    <col min="4357" max="4357" width="5" style="88" customWidth="1"/>
    <col min="4358" max="4358" width="1.6640625" style="88" customWidth="1"/>
    <col min="4359" max="4359" width="3.88671875" style="88" customWidth="1"/>
    <col min="4360" max="4360" width="2.109375" style="88" customWidth="1"/>
    <col min="4361" max="4362" width="4" style="88" customWidth="1"/>
    <col min="4363" max="4363" width="13.77734375" style="88" customWidth="1"/>
    <col min="4364" max="4364" width="1.44140625" style="88" customWidth="1"/>
    <col min="4365" max="4365" width="3.44140625" style="88" customWidth="1"/>
    <col min="4366" max="4366" width="1.6640625" style="88" customWidth="1"/>
    <col min="4367" max="4367" width="72.44140625" style="88" customWidth="1"/>
    <col min="4368" max="4368" width="8.33203125" style="88" customWidth="1"/>
    <col min="4369" max="4372" width="0" style="88" hidden="1" customWidth="1"/>
    <col min="4373" max="4383" width="8.88671875" style="88"/>
    <col min="4384" max="4387" width="0" style="88" hidden="1" customWidth="1"/>
    <col min="4388" max="4395" width="10" style="88" customWidth="1"/>
    <col min="4396" max="4602" width="8.88671875" style="88"/>
    <col min="4603" max="4603" width="7.44140625" style="88" customWidth="1"/>
    <col min="4604" max="4604" width="16" style="88" customWidth="1"/>
    <col min="4605" max="4605" width="12.21875" style="88" customWidth="1"/>
    <col min="4606" max="4606" width="6.109375" style="88" customWidth="1"/>
    <col min="4607" max="4607" width="1.77734375" style="88" customWidth="1"/>
    <col min="4608" max="4608" width="7.21875" style="88" customWidth="1"/>
    <col min="4609" max="4609" width="4.109375" style="88" customWidth="1"/>
    <col min="4610" max="4610" width="5.77734375" style="88" customWidth="1"/>
    <col min="4611" max="4611" width="1.77734375" style="88" customWidth="1"/>
    <col min="4612" max="4612" width="8.88671875" style="88"/>
    <col min="4613" max="4613" width="5" style="88" customWidth="1"/>
    <col min="4614" max="4614" width="1.6640625" style="88" customWidth="1"/>
    <col min="4615" max="4615" width="3.88671875" style="88" customWidth="1"/>
    <col min="4616" max="4616" width="2.109375" style="88" customWidth="1"/>
    <col min="4617" max="4618" width="4" style="88" customWidth="1"/>
    <col min="4619" max="4619" width="13.77734375" style="88" customWidth="1"/>
    <col min="4620" max="4620" width="1.44140625" style="88" customWidth="1"/>
    <col min="4621" max="4621" width="3.44140625" style="88" customWidth="1"/>
    <col min="4622" max="4622" width="1.6640625" style="88" customWidth="1"/>
    <col min="4623" max="4623" width="72.44140625" style="88" customWidth="1"/>
    <col min="4624" max="4624" width="8.33203125" style="88" customWidth="1"/>
    <col min="4625" max="4628" width="0" style="88" hidden="1" customWidth="1"/>
    <col min="4629" max="4639" width="8.88671875" style="88"/>
    <col min="4640" max="4643" width="0" style="88" hidden="1" customWidth="1"/>
    <col min="4644" max="4651" width="10" style="88" customWidth="1"/>
    <col min="4652" max="4858" width="8.88671875" style="88"/>
    <col min="4859" max="4859" width="7.44140625" style="88" customWidth="1"/>
    <col min="4860" max="4860" width="16" style="88" customWidth="1"/>
    <col min="4861" max="4861" width="12.21875" style="88" customWidth="1"/>
    <col min="4862" max="4862" width="6.109375" style="88" customWidth="1"/>
    <col min="4863" max="4863" width="1.77734375" style="88" customWidth="1"/>
    <col min="4864" max="4864" width="7.21875" style="88" customWidth="1"/>
    <col min="4865" max="4865" width="4.109375" style="88" customWidth="1"/>
    <col min="4866" max="4866" width="5.77734375" style="88" customWidth="1"/>
    <col min="4867" max="4867" width="1.77734375" style="88" customWidth="1"/>
    <col min="4868" max="4868" width="8.88671875" style="88"/>
    <col min="4869" max="4869" width="5" style="88" customWidth="1"/>
    <col min="4870" max="4870" width="1.6640625" style="88" customWidth="1"/>
    <col min="4871" max="4871" width="3.88671875" style="88" customWidth="1"/>
    <col min="4872" max="4872" width="2.109375" style="88" customWidth="1"/>
    <col min="4873" max="4874" width="4" style="88" customWidth="1"/>
    <col min="4875" max="4875" width="13.77734375" style="88" customWidth="1"/>
    <col min="4876" max="4876" width="1.44140625" style="88" customWidth="1"/>
    <col min="4877" max="4877" width="3.44140625" style="88" customWidth="1"/>
    <col min="4878" max="4878" width="1.6640625" style="88" customWidth="1"/>
    <col min="4879" max="4879" width="72.44140625" style="88" customWidth="1"/>
    <col min="4880" max="4880" width="8.33203125" style="88" customWidth="1"/>
    <col min="4881" max="4884" width="0" style="88" hidden="1" customWidth="1"/>
    <col min="4885" max="4895" width="8.88671875" style="88"/>
    <col min="4896" max="4899" width="0" style="88" hidden="1" customWidth="1"/>
    <col min="4900" max="4907" width="10" style="88" customWidth="1"/>
    <col min="4908" max="5114" width="8.88671875" style="88"/>
    <col min="5115" max="5115" width="7.44140625" style="88" customWidth="1"/>
    <col min="5116" max="5116" width="16" style="88" customWidth="1"/>
    <col min="5117" max="5117" width="12.21875" style="88" customWidth="1"/>
    <col min="5118" max="5118" width="6.109375" style="88" customWidth="1"/>
    <col min="5119" max="5119" width="1.77734375" style="88" customWidth="1"/>
    <col min="5120" max="5120" width="7.21875" style="88" customWidth="1"/>
    <col min="5121" max="5121" width="4.109375" style="88" customWidth="1"/>
    <col min="5122" max="5122" width="5.77734375" style="88" customWidth="1"/>
    <col min="5123" max="5123" width="1.77734375" style="88" customWidth="1"/>
    <col min="5124" max="5124" width="8.88671875" style="88"/>
    <col min="5125" max="5125" width="5" style="88" customWidth="1"/>
    <col min="5126" max="5126" width="1.6640625" style="88" customWidth="1"/>
    <col min="5127" max="5127" width="3.88671875" style="88" customWidth="1"/>
    <col min="5128" max="5128" width="2.109375" style="88" customWidth="1"/>
    <col min="5129" max="5130" width="4" style="88" customWidth="1"/>
    <col min="5131" max="5131" width="13.77734375" style="88" customWidth="1"/>
    <col min="5132" max="5132" width="1.44140625" style="88" customWidth="1"/>
    <col min="5133" max="5133" width="3.44140625" style="88" customWidth="1"/>
    <col min="5134" max="5134" width="1.6640625" style="88" customWidth="1"/>
    <col min="5135" max="5135" width="72.44140625" style="88" customWidth="1"/>
    <col min="5136" max="5136" width="8.33203125" style="88" customWidth="1"/>
    <col min="5137" max="5140" width="0" style="88" hidden="1" customWidth="1"/>
    <col min="5141" max="5151" width="8.88671875" style="88"/>
    <col min="5152" max="5155" width="0" style="88" hidden="1" customWidth="1"/>
    <col min="5156" max="5163" width="10" style="88" customWidth="1"/>
    <col min="5164" max="5370" width="8.88671875" style="88"/>
    <col min="5371" max="5371" width="7.44140625" style="88" customWidth="1"/>
    <col min="5372" max="5372" width="16" style="88" customWidth="1"/>
    <col min="5373" max="5373" width="12.21875" style="88" customWidth="1"/>
    <col min="5374" max="5374" width="6.109375" style="88" customWidth="1"/>
    <col min="5375" max="5375" width="1.77734375" style="88" customWidth="1"/>
    <col min="5376" max="5376" width="7.21875" style="88" customWidth="1"/>
    <col min="5377" max="5377" width="4.109375" style="88" customWidth="1"/>
    <col min="5378" max="5378" width="5.77734375" style="88" customWidth="1"/>
    <col min="5379" max="5379" width="1.77734375" style="88" customWidth="1"/>
    <col min="5380" max="5380" width="8.88671875" style="88"/>
    <col min="5381" max="5381" width="5" style="88" customWidth="1"/>
    <col min="5382" max="5382" width="1.6640625" style="88" customWidth="1"/>
    <col min="5383" max="5383" width="3.88671875" style="88" customWidth="1"/>
    <col min="5384" max="5384" width="2.109375" style="88" customWidth="1"/>
    <col min="5385" max="5386" width="4" style="88" customWidth="1"/>
    <col min="5387" max="5387" width="13.77734375" style="88" customWidth="1"/>
    <col min="5388" max="5388" width="1.44140625" style="88" customWidth="1"/>
    <col min="5389" max="5389" width="3.44140625" style="88" customWidth="1"/>
    <col min="5390" max="5390" width="1.6640625" style="88" customWidth="1"/>
    <col min="5391" max="5391" width="72.44140625" style="88" customWidth="1"/>
    <col min="5392" max="5392" width="8.33203125" style="88" customWidth="1"/>
    <col min="5393" max="5396" width="0" style="88" hidden="1" customWidth="1"/>
    <col min="5397" max="5407" width="8.88671875" style="88"/>
    <col min="5408" max="5411" width="0" style="88" hidden="1" customWidth="1"/>
    <col min="5412" max="5419" width="10" style="88" customWidth="1"/>
    <col min="5420" max="5626" width="8.88671875" style="88"/>
    <col min="5627" max="5627" width="7.44140625" style="88" customWidth="1"/>
    <col min="5628" max="5628" width="16" style="88" customWidth="1"/>
    <col min="5629" max="5629" width="12.21875" style="88" customWidth="1"/>
    <col min="5630" max="5630" width="6.109375" style="88" customWidth="1"/>
    <col min="5631" max="5631" width="1.77734375" style="88" customWidth="1"/>
    <col min="5632" max="5632" width="7.21875" style="88" customWidth="1"/>
    <col min="5633" max="5633" width="4.109375" style="88" customWidth="1"/>
    <col min="5634" max="5634" width="5.77734375" style="88" customWidth="1"/>
    <col min="5635" max="5635" width="1.77734375" style="88" customWidth="1"/>
    <col min="5636" max="5636" width="8.88671875" style="88"/>
    <col min="5637" max="5637" width="5" style="88" customWidth="1"/>
    <col min="5638" max="5638" width="1.6640625" style="88" customWidth="1"/>
    <col min="5639" max="5639" width="3.88671875" style="88" customWidth="1"/>
    <col min="5640" max="5640" width="2.109375" style="88" customWidth="1"/>
    <col min="5641" max="5642" width="4" style="88" customWidth="1"/>
    <col min="5643" max="5643" width="13.77734375" style="88" customWidth="1"/>
    <col min="5644" max="5644" width="1.44140625" style="88" customWidth="1"/>
    <col min="5645" max="5645" width="3.44140625" style="88" customWidth="1"/>
    <col min="5646" max="5646" width="1.6640625" style="88" customWidth="1"/>
    <col min="5647" max="5647" width="72.44140625" style="88" customWidth="1"/>
    <col min="5648" max="5648" width="8.33203125" style="88" customWidth="1"/>
    <col min="5649" max="5652" width="0" style="88" hidden="1" customWidth="1"/>
    <col min="5653" max="5663" width="8.88671875" style="88"/>
    <col min="5664" max="5667" width="0" style="88" hidden="1" customWidth="1"/>
    <col min="5668" max="5675" width="10" style="88" customWidth="1"/>
    <col min="5676" max="5882" width="8.88671875" style="88"/>
    <col min="5883" max="5883" width="7.44140625" style="88" customWidth="1"/>
    <col min="5884" max="5884" width="16" style="88" customWidth="1"/>
    <col min="5885" max="5885" width="12.21875" style="88" customWidth="1"/>
    <col min="5886" max="5886" width="6.109375" style="88" customWidth="1"/>
    <col min="5887" max="5887" width="1.77734375" style="88" customWidth="1"/>
    <col min="5888" max="5888" width="7.21875" style="88" customWidth="1"/>
    <col min="5889" max="5889" width="4.109375" style="88" customWidth="1"/>
    <col min="5890" max="5890" width="5.77734375" style="88" customWidth="1"/>
    <col min="5891" max="5891" width="1.77734375" style="88" customWidth="1"/>
    <col min="5892" max="5892" width="8.88671875" style="88"/>
    <col min="5893" max="5893" width="5" style="88" customWidth="1"/>
    <col min="5894" max="5894" width="1.6640625" style="88" customWidth="1"/>
    <col min="5895" max="5895" width="3.88671875" style="88" customWidth="1"/>
    <col min="5896" max="5896" width="2.109375" style="88" customWidth="1"/>
    <col min="5897" max="5898" width="4" style="88" customWidth="1"/>
    <col min="5899" max="5899" width="13.77734375" style="88" customWidth="1"/>
    <col min="5900" max="5900" width="1.44140625" style="88" customWidth="1"/>
    <col min="5901" max="5901" width="3.44140625" style="88" customWidth="1"/>
    <col min="5902" max="5902" width="1.6640625" style="88" customWidth="1"/>
    <col min="5903" max="5903" width="72.44140625" style="88" customWidth="1"/>
    <col min="5904" max="5904" width="8.33203125" style="88" customWidth="1"/>
    <col min="5905" max="5908" width="0" style="88" hidden="1" customWidth="1"/>
    <col min="5909" max="5919" width="8.88671875" style="88"/>
    <col min="5920" max="5923" width="0" style="88" hidden="1" customWidth="1"/>
    <col min="5924" max="5931" width="10" style="88" customWidth="1"/>
    <col min="5932" max="6138" width="8.88671875" style="88"/>
    <col min="6139" max="6139" width="7.44140625" style="88" customWidth="1"/>
    <col min="6140" max="6140" width="16" style="88" customWidth="1"/>
    <col min="6141" max="6141" width="12.21875" style="88" customWidth="1"/>
    <col min="6142" max="6142" width="6.109375" style="88" customWidth="1"/>
    <col min="6143" max="6143" width="1.77734375" style="88" customWidth="1"/>
    <col min="6144" max="6144" width="7.21875" style="88" customWidth="1"/>
    <col min="6145" max="6145" width="4.109375" style="88" customWidth="1"/>
    <col min="6146" max="6146" width="5.77734375" style="88" customWidth="1"/>
    <col min="6147" max="6147" width="1.77734375" style="88" customWidth="1"/>
    <col min="6148" max="6148" width="8.88671875" style="88"/>
    <col min="6149" max="6149" width="5" style="88" customWidth="1"/>
    <col min="6150" max="6150" width="1.6640625" style="88" customWidth="1"/>
    <col min="6151" max="6151" width="3.88671875" style="88" customWidth="1"/>
    <col min="6152" max="6152" width="2.109375" style="88" customWidth="1"/>
    <col min="6153" max="6154" width="4" style="88" customWidth="1"/>
    <col min="6155" max="6155" width="13.77734375" style="88" customWidth="1"/>
    <col min="6156" max="6156" width="1.44140625" style="88" customWidth="1"/>
    <col min="6157" max="6157" width="3.44140625" style="88" customWidth="1"/>
    <col min="6158" max="6158" width="1.6640625" style="88" customWidth="1"/>
    <col min="6159" max="6159" width="72.44140625" style="88" customWidth="1"/>
    <col min="6160" max="6160" width="8.33203125" style="88" customWidth="1"/>
    <col min="6161" max="6164" width="0" style="88" hidden="1" customWidth="1"/>
    <col min="6165" max="6175" width="8.88671875" style="88"/>
    <col min="6176" max="6179" width="0" style="88" hidden="1" customWidth="1"/>
    <col min="6180" max="6187" width="10" style="88" customWidth="1"/>
    <col min="6188" max="6394" width="8.88671875" style="88"/>
    <col min="6395" max="6395" width="7.44140625" style="88" customWidth="1"/>
    <col min="6396" max="6396" width="16" style="88" customWidth="1"/>
    <col min="6397" max="6397" width="12.21875" style="88" customWidth="1"/>
    <col min="6398" max="6398" width="6.109375" style="88" customWidth="1"/>
    <col min="6399" max="6399" width="1.77734375" style="88" customWidth="1"/>
    <col min="6400" max="6400" width="7.21875" style="88" customWidth="1"/>
    <col min="6401" max="6401" width="4.109375" style="88" customWidth="1"/>
    <col min="6402" max="6402" width="5.77734375" style="88" customWidth="1"/>
    <col min="6403" max="6403" width="1.77734375" style="88" customWidth="1"/>
    <col min="6404" max="6404" width="8.88671875" style="88"/>
    <col min="6405" max="6405" width="5" style="88" customWidth="1"/>
    <col min="6406" max="6406" width="1.6640625" style="88" customWidth="1"/>
    <col min="6407" max="6407" width="3.88671875" style="88" customWidth="1"/>
    <col min="6408" max="6408" width="2.109375" style="88" customWidth="1"/>
    <col min="6409" max="6410" width="4" style="88" customWidth="1"/>
    <col min="6411" max="6411" width="13.77734375" style="88" customWidth="1"/>
    <col min="6412" max="6412" width="1.44140625" style="88" customWidth="1"/>
    <col min="6413" max="6413" width="3.44140625" style="88" customWidth="1"/>
    <col min="6414" max="6414" width="1.6640625" style="88" customWidth="1"/>
    <col min="6415" max="6415" width="72.44140625" style="88" customWidth="1"/>
    <col min="6416" max="6416" width="8.33203125" style="88" customWidth="1"/>
    <col min="6417" max="6420" width="0" style="88" hidden="1" customWidth="1"/>
    <col min="6421" max="6431" width="8.88671875" style="88"/>
    <col min="6432" max="6435" width="0" style="88" hidden="1" customWidth="1"/>
    <col min="6436" max="6443" width="10" style="88" customWidth="1"/>
    <col min="6444" max="6650" width="8.88671875" style="88"/>
    <col min="6651" max="6651" width="7.44140625" style="88" customWidth="1"/>
    <col min="6652" max="6652" width="16" style="88" customWidth="1"/>
    <col min="6653" max="6653" width="12.21875" style="88" customWidth="1"/>
    <col min="6654" max="6654" width="6.109375" style="88" customWidth="1"/>
    <col min="6655" max="6655" width="1.77734375" style="88" customWidth="1"/>
    <col min="6656" max="6656" width="7.21875" style="88" customWidth="1"/>
    <col min="6657" max="6657" width="4.109375" style="88" customWidth="1"/>
    <col min="6658" max="6658" width="5.77734375" style="88" customWidth="1"/>
    <col min="6659" max="6659" width="1.77734375" style="88" customWidth="1"/>
    <col min="6660" max="6660" width="8.88671875" style="88"/>
    <col min="6661" max="6661" width="5" style="88" customWidth="1"/>
    <col min="6662" max="6662" width="1.6640625" style="88" customWidth="1"/>
    <col min="6663" max="6663" width="3.88671875" style="88" customWidth="1"/>
    <col min="6664" max="6664" width="2.109375" style="88" customWidth="1"/>
    <col min="6665" max="6666" width="4" style="88" customWidth="1"/>
    <col min="6667" max="6667" width="13.77734375" style="88" customWidth="1"/>
    <col min="6668" max="6668" width="1.44140625" style="88" customWidth="1"/>
    <col min="6669" max="6669" width="3.44140625" style="88" customWidth="1"/>
    <col min="6670" max="6670" width="1.6640625" style="88" customWidth="1"/>
    <col min="6671" max="6671" width="72.44140625" style="88" customWidth="1"/>
    <col min="6672" max="6672" width="8.33203125" style="88" customWidth="1"/>
    <col min="6673" max="6676" width="0" style="88" hidden="1" customWidth="1"/>
    <col min="6677" max="6687" width="8.88671875" style="88"/>
    <col min="6688" max="6691" width="0" style="88" hidden="1" customWidth="1"/>
    <col min="6692" max="6699" width="10" style="88" customWidth="1"/>
    <col min="6700" max="6906" width="8.88671875" style="88"/>
    <col min="6907" max="6907" width="7.44140625" style="88" customWidth="1"/>
    <col min="6908" max="6908" width="16" style="88" customWidth="1"/>
    <col min="6909" max="6909" width="12.21875" style="88" customWidth="1"/>
    <col min="6910" max="6910" width="6.109375" style="88" customWidth="1"/>
    <col min="6911" max="6911" width="1.77734375" style="88" customWidth="1"/>
    <col min="6912" max="6912" width="7.21875" style="88" customWidth="1"/>
    <col min="6913" max="6913" width="4.109375" style="88" customWidth="1"/>
    <col min="6914" max="6914" width="5.77734375" style="88" customWidth="1"/>
    <col min="6915" max="6915" width="1.77734375" style="88" customWidth="1"/>
    <col min="6916" max="6916" width="8.88671875" style="88"/>
    <col min="6917" max="6917" width="5" style="88" customWidth="1"/>
    <col min="6918" max="6918" width="1.6640625" style="88" customWidth="1"/>
    <col min="6919" max="6919" width="3.88671875" style="88" customWidth="1"/>
    <col min="6920" max="6920" width="2.109375" style="88" customWidth="1"/>
    <col min="6921" max="6922" width="4" style="88" customWidth="1"/>
    <col min="6923" max="6923" width="13.77734375" style="88" customWidth="1"/>
    <col min="6924" max="6924" width="1.44140625" style="88" customWidth="1"/>
    <col min="6925" max="6925" width="3.44140625" style="88" customWidth="1"/>
    <col min="6926" max="6926" width="1.6640625" style="88" customWidth="1"/>
    <col min="6927" max="6927" width="72.44140625" style="88" customWidth="1"/>
    <col min="6928" max="6928" width="8.33203125" style="88" customWidth="1"/>
    <col min="6929" max="6932" width="0" style="88" hidden="1" customWidth="1"/>
    <col min="6933" max="6943" width="8.88671875" style="88"/>
    <col min="6944" max="6947" width="0" style="88" hidden="1" customWidth="1"/>
    <col min="6948" max="6955" width="10" style="88" customWidth="1"/>
    <col min="6956" max="7162" width="8.88671875" style="88"/>
    <col min="7163" max="7163" width="7.44140625" style="88" customWidth="1"/>
    <col min="7164" max="7164" width="16" style="88" customWidth="1"/>
    <col min="7165" max="7165" width="12.21875" style="88" customWidth="1"/>
    <col min="7166" max="7166" width="6.109375" style="88" customWidth="1"/>
    <col min="7167" max="7167" width="1.77734375" style="88" customWidth="1"/>
    <col min="7168" max="7168" width="7.21875" style="88" customWidth="1"/>
    <col min="7169" max="7169" width="4.109375" style="88" customWidth="1"/>
    <col min="7170" max="7170" width="5.77734375" style="88" customWidth="1"/>
    <col min="7171" max="7171" width="1.77734375" style="88" customWidth="1"/>
    <col min="7172" max="7172" width="8.88671875" style="88"/>
    <col min="7173" max="7173" width="5" style="88" customWidth="1"/>
    <col min="7174" max="7174" width="1.6640625" style="88" customWidth="1"/>
    <col min="7175" max="7175" width="3.88671875" style="88" customWidth="1"/>
    <col min="7176" max="7176" width="2.109375" style="88" customWidth="1"/>
    <col min="7177" max="7178" width="4" style="88" customWidth="1"/>
    <col min="7179" max="7179" width="13.77734375" style="88" customWidth="1"/>
    <col min="7180" max="7180" width="1.44140625" style="88" customWidth="1"/>
    <col min="7181" max="7181" width="3.44140625" style="88" customWidth="1"/>
    <col min="7182" max="7182" width="1.6640625" style="88" customWidth="1"/>
    <col min="7183" max="7183" width="72.44140625" style="88" customWidth="1"/>
    <col min="7184" max="7184" width="8.33203125" style="88" customWidth="1"/>
    <col min="7185" max="7188" width="0" style="88" hidden="1" customWidth="1"/>
    <col min="7189" max="7199" width="8.88671875" style="88"/>
    <col min="7200" max="7203" width="0" style="88" hidden="1" customWidth="1"/>
    <col min="7204" max="7211" width="10" style="88" customWidth="1"/>
    <col min="7212" max="7418" width="8.88671875" style="88"/>
    <col min="7419" max="7419" width="7.44140625" style="88" customWidth="1"/>
    <col min="7420" max="7420" width="16" style="88" customWidth="1"/>
    <col min="7421" max="7421" width="12.21875" style="88" customWidth="1"/>
    <col min="7422" max="7422" width="6.109375" style="88" customWidth="1"/>
    <col min="7423" max="7423" width="1.77734375" style="88" customWidth="1"/>
    <col min="7424" max="7424" width="7.21875" style="88" customWidth="1"/>
    <col min="7425" max="7425" width="4.109375" style="88" customWidth="1"/>
    <col min="7426" max="7426" width="5.77734375" style="88" customWidth="1"/>
    <col min="7427" max="7427" width="1.77734375" style="88" customWidth="1"/>
    <col min="7428" max="7428" width="8.88671875" style="88"/>
    <col min="7429" max="7429" width="5" style="88" customWidth="1"/>
    <col min="7430" max="7430" width="1.6640625" style="88" customWidth="1"/>
    <col min="7431" max="7431" width="3.88671875" style="88" customWidth="1"/>
    <col min="7432" max="7432" width="2.109375" style="88" customWidth="1"/>
    <col min="7433" max="7434" width="4" style="88" customWidth="1"/>
    <col min="7435" max="7435" width="13.77734375" style="88" customWidth="1"/>
    <col min="7436" max="7436" width="1.44140625" style="88" customWidth="1"/>
    <col min="7437" max="7437" width="3.44140625" style="88" customWidth="1"/>
    <col min="7438" max="7438" width="1.6640625" style="88" customWidth="1"/>
    <col min="7439" max="7439" width="72.44140625" style="88" customWidth="1"/>
    <col min="7440" max="7440" width="8.33203125" style="88" customWidth="1"/>
    <col min="7441" max="7444" width="0" style="88" hidden="1" customWidth="1"/>
    <col min="7445" max="7455" width="8.88671875" style="88"/>
    <col min="7456" max="7459" width="0" style="88" hidden="1" customWidth="1"/>
    <col min="7460" max="7467" width="10" style="88" customWidth="1"/>
    <col min="7468" max="7674" width="8.88671875" style="88"/>
    <col min="7675" max="7675" width="7.44140625" style="88" customWidth="1"/>
    <col min="7676" max="7676" width="16" style="88" customWidth="1"/>
    <col min="7677" max="7677" width="12.21875" style="88" customWidth="1"/>
    <col min="7678" max="7678" width="6.109375" style="88" customWidth="1"/>
    <col min="7679" max="7679" width="1.77734375" style="88" customWidth="1"/>
    <col min="7680" max="7680" width="7.21875" style="88" customWidth="1"/>
    <col min="7681" max="7681" width="4.109375" style="88" customWidth="1"/>
    <col min="7682" max="7682" width="5.77734375" style="88" customWidth="1"/>
    <col min="7683" max="7683" width="1.77734375" style="88" customWidth="1"/>
    <col min="7684" max="7684" width="8.88671875" style="88"/>
    <col min="7685" max="7685" width="5" style="88" customWidth="1"/>
    <col min="7686" max="7686" width="1.6640625" style="88" customWidth="1"/>
    <col min="7687" max="7687" width="3.88671875" style="88" customWidth="1"/>
    <col min="7688" max="7688" width="2.109375" style="88" customWidth="1"/>
    <col min="7689" max="7690" width="4" style="88" customWidth="1"/>
    <col min="7691" max="7691" width="13.77734375" style="88" customWidth="1"/>
    <col min="7692" max="7692" width="1.44140625" style="88" customWidth="1"/>
    <col min="7693" max="7693" width="3.44140625" style="88" customWidth="1"/>
    <col min="7694" max="7694" width="1.6640625" style="88" customWidth="1"/>
    <col min="7695" max="7695" width="72.44140625" style="88" customWidth="1"/>
    <col min="7696" max="7696" width="8.33203125" style="88" customWidth="1"/>
    <col min="7697" max="7700" width="0" style="88" hidden="1" customWidth="1"/>
    <col min="7701" max="7711" width="8.88671875" style="88"/>
    <col min="7712" max="7715" width="0" style="88" hidden="1" customWidth="1"/>
    <col min="7716" max="7723" width="10" style="88" customWidth="1"/>
    <col min="7724" max="7930" width="8.88671875" style="88"/>
    <col min="7931" max="7931" width="7.44140625" style="88" customWidth="1"/>
    <col min="7932" max="7932" width="16" style="88" customWidth="1"/>
    <col min="7933" max="7933" width="12.21875" style="88" customWidth="1"/>
    <col min="7934" max="7934" width="6.109375" style="88" customWidth="1"/>
    <col min="7935" max="7935" width="1.77734375" style="88" customWidth="1"/>
    <col min="7936" max="7936" width="7.21875" style="88" customWidth="1"/>
    <col min="7937" max="7937" width="4.109375" style="88" customWidth="1"/>
    <col min="7938" max="7938" width="5.77734375" style="88" customWidth="1"/>
    <col min="7939" max="7939" width="1.77734375" style="88" customWidth="1"/>
    <col min="7940" max="7940" width="8.88671875" style="88"/>
    <col min="7941" max="7941" width="5" style="88" customWidth="1"/>
    <col min="7942" max="7942" width="1.6640625" style="88" customWidth="1"/>
    <col min="7943" max="7943" width="3.88671875" style="88" customWidth="1"/>
    <col min="7944" max="7944" width="2.109375" style="88" customWidth="1"/>
    <col min="7945" max="7946" width="4" style="88" customWidth="1"/>
    <col min="7947" max="7947" width="13.77734375" style="88" customWidth="1"/>
    <col min="7948" max="7948" width="1.44140625" style="88" customWidth="1"/>
    <col min="7949" max="7949" width="3.44140625" style="88" customWidth="1"/>
    <col min="7950" max="7950" width="1.6640625" style="88" customWidth="1"/>
    <col min="7951" max="7951" width="72.44140625" style="88" customWidth="1"/>
    <col min="7952" max="7952" width="8.33203125" style="88" customWidth="1"/>
    <col min="7953" max="7956" width="0" style="88" hidden="1" customWidth="1"/>
    <col min="7957" max="7967" width="8.88671875" style="88"/>
    <col min="7968" max="7971" width="0" style="88" hidden="1" customWidth="1"/>
    <col min="7972" max="7979" width="10" style="88" customWidth="1"/>
    <col min="7980" max="8186" width="8.88671875" style="88"/>
    <col min="8187" max="8187" width="7.44140625" style="88" customWidth="1"/>
    <col min="8188" max="8188" width="16" style="88" customWidth="1"/>
    <col min="8189" max="8189" width="12.21875" style="88" customWidth="1"/>
    <col min="8190" max="8190" width="6.109375" style="88" customWidth="1"/>
    <col min="8191" max="8191" width="1.77734375" style="88" customWidth="1"/>
    <col min="8192" max="8192" width="7.21875" style="88" customWidth="1"/>
    <col min="8193" max="8193" width="4.109375" style="88" customWidth="1"/>
    <col min="8194" max="8194" width="5.77734375" style="88" customWidth="1"/>
    <col min="8195" max="8195" width="1.77734375" style="88" customWidth="1"/>
    <col min="8196" max="8196" width="8.88671875" style="88"/>
    <col min="8197" max="8197" width="5" style="88" customWidth="1"/>
    <col min="8198" max="8198" width="1.6640625" style="88" customWidth="1"/>
    <col min="8199" max="8199" width="3.88671875" style="88" customWidth="1"/>
    <col min="8200" max="8200" width="2.109375" style="88" customWidth="1"/>
    <col min="8201" max="8202" width="4" style="88" customWidth="1"/>
    <col min="8203" max="8203" width="13.77734375" style="88" customWidth="1"/>
    <col min="8204" max="8204" width="1.44140625" style="88" customWidth="1"/>
    <col min="8205" max="8205" width="3.44140625" style="88" customWidth="1"/>
    <col min="8206" max="8206" width="1.6640625" style="88" customWidth="1"/>
    <col min="8207" max="8207" width="72.44140625" style="88" customWidth="1"/>
    <col min="8208" max="8208" width="8.33203125" style="88" customWidth="1"/>
    <col min="8209" max="8212" width="0" style="88" hidden="1" customWidth="1"/>
    <col min="8213" max="8223" width="8.88671875" style="88"/>
    <col min="8224" max="8227" width="0" style="88" hidden="1" customWidth="1"/>
    <col min="8228" max="8235" width="10" style="88" customWidth="1"/>
    <col min="8236" max="8442" width="8.88671875" style="88"/>
    <col min="8443" max="8443" width="7.44140625" style="88" customWidth="1"/>
    <col min="8444" max="8444" width="16" style="88" customWidth="1"/>
    <col min="8445" max="8445" width="12.21875" style="88" customWidth="1"/>
    <col min="8446" max="8446" width="6.109375" style="88" customWidth="1"/>
    <col min="8447" max="8447" width="1.77734375" style="88" customWidth="1"/>
    <col min="8448" max="8448" width="7.21875" style="88" customWidth="1"/>
    <col min="8449" max="8449" width="4.109375" style="88" customWidth="1"/>
    <col min="8450" max="8450" width="5.77734375" style="88" customWidth="1"/>
    <col min="8451" max="8451" width="1.77734375" style="88" customWidth="1"/>
    <col min="8452" max="8452" width="8.88671875" style="88"/>
    <col min="8453" max="8453" width="5" style="88" customWidth="1"/>
    <col min="8454" max="8454" width="1.6640625" style="88" customWidth="1"/>
    <col min="8455" max="8455" width="3.88671875" style="88" customWidth="1"/>
    <col min="8456" max="8456" width="2.109375" style="88" customWidth="1"/>
    <col min="8457" max="8458" width="4" style="88" customWidth="1"/>
    <col min="8459" max="8459" width="13.77734375" style="88" customWidth="1"/>
    <col min="8460" max="8460" width="1.44140625" style="88" customWidth="1"/>
    <col min="8461" max="8461" width="3.44140625" style="88" customWidth="1"/>
    <col min="8462" max="8462" width="1.6640625" style="88" customWidth="1"/>
    <col min="8463" max="8463" width="72.44140625" style="88" customWidth="1"/>
    <col min="8464" max="8464" width="8.33203125" style="88" customWidth="1"/>
    <col min="8465" max="8468" width="0" style="88" hidden="1" customWidth="1"/>
    <col min="8469" max="8479" width="8.88671875" style="88"/>
    <col min="8480" max="8483" width="0" style="88" hidden="1" customWidth="1"/>
    <col min="8484" max="8491" width="10" style="88" customWidth="1"/>
    <col min="8492" max="8698" width="8.88671875" style="88"/>
    <col min="8699" max="8699" width="7.44140625" style="88" customWidth="1"/>
    <col min="8700" max="8700" width="16" style="88" customWidth="1"/>
    <col min="8701" max="8701" width="12.21875" style="88" customWidth="1"/>
    <col min="8702" max="8702" width="6.109375" style="88" customWidth="1"/>
    <col min="8703" max="8703" width="1.77734375" style="88" customWidth="1"/>
    <col min="8704" max="8704" width="7.21875" style="88" customWidth="1"/>
    <col min="8705" max="8705" width="4.109375" style="88" customWidth="1"/>
    <col min="8706" max="8706" width="5.77734375" style="88" customWidth="1"/>
    <col min="8707" max="8707" width="1.77734375" style="88" customWidth="1"/>
    <col min="8708" max="8708" width="8.88671875" style="88"/>
    <col min="8709" max="8709" width="5" style="88" customWidth="1"/>
    <col min="8710" max="8710" width="1.6640625" style="88" customWidth="1"/>
    <col min="8711" max="8711" width="3.88671875" style="88" customWidth="1"/>
    <col min="8712" max="8712" width="2.109375" style="88" customWidth="1"/>
    <col min="8713" max="8714" width="4" style="88" customWidth="1"/>
    <col min="8715" max="8715" width="13.77734375" style="88" customWidth="1"/>
    <col min="8716" max="8716" width="1.44140625" style="88" customWidth="1"/>
    <col min="8717" max="8717" width="3.44140625" style="88" customWidth="1"/>
    <col min="8718" max="8718" width="1.6640625" style="88" customWidth="1"/>
    <col min="8719" max="8719" width="72.44140625" style="88" customWidth="1"/>
    <col min="8720" max="8720" width="8.33203125" style="88" customWidth="1"/>
    <col min="8721" max="8724" width="0" style="88" hidden="1" customWidth="1"/>
    <col min="8725" max="8735" width="8.88671875" style="88"/>
    <col min="8736" max="8739" width="0" style="88" hidden="1" customWidth="1"/>
    <col min="8740" max="8747" width="10" style="88" customWidth="1"/>
    <col min="8748" max="8954" width="8.88671875" style="88"/>
    <col min="8955" max="8955" width="7.44140625" style="88" customWidth="1"/>
    <col min="8956" max="8956" width="16" style="88" customWidth="1"/>
    <col min="8957" max="8957" width="12.21875" style="88" customWidth="1"/>
    <col min="8958" max="8958" width="6.109375" style="88" customWidth="1"/>
    <col min="8959" max="8959" width="1.77734375" style="88" customWidth="1"/>
    <col min="8960" max="8960" width="7.21875" style="88" customWidth="1"/>
    <col min="8961" max="8961" width="4.109375" style="88" customWidth="1"/>
    <col min="8962" max="8962" width="5.77734375" style="88" customWidth="1"/>
    <col min="8963" max="8963" width="1.77734375" style="88" customWidth="1"/>
    <col min="8964" max="8964" width="8.88671875" style="88"/>
    <col min="8965" max="8965" width="5" style="88" customWidth="1"/>
    <col min="8966" max="8966" width="1.6640625" style="88" customWidth="1"/>
    <col min="8967" max="8967" width="3.88671875" style="88" customWidth="1"/>
    <col min="8968" max="8968" width="2.109375" style="88" customWidth="1"/>
    <col min="8969" max="8970" width="4" style="88" customWidth="1"/>
    <col min="8971" max="8971" width="13.77734375" style="88" customWidth="1"/>
    <col min="8972" max="8972" width="1.44140625" style="88" customWidth="1"/>
    <col min="8973" max="8973" width="3.44140625" style="88" customWidth="1"/>
    <col min="8974" max="8974" width="1.6640625" style="88" customWidth="1"/>
    <col min="8975" max="8975" width="72.44140625" style="88" customWidth="1"/>
    <col min="8976" max="8976" width="8.33203125" style="88" customWidth="1"/>
    <col min="8977" max="8980" width="0" style="88" hidden="1" customWidth="1"/>
    <col min="8981" max="8991" width="8.88671875" style="88"/>
    <col min="8992" max="8995" width="0" style="88" hidden="1" customWidth="1"/>
    <col min="8996" max="9003" width="10" style="88" customWidth="1"/>
    <col min="9004" max="9210" width="8.88671875" style="88"/>
    <col min="9211" max="9211" width="7.44140625" style="88" customWidth="1"/>
    <col min="9212" max="9212" width="16" style="88" customWidth="1"/>
    <col min="9213" max="9213" width="12.21875" style="88" customWidth="1"/>
    <col min="9214" max="9214" width="6.109375" style="88" customWidth="1"/>
    <col min="9215" max="9215" width="1.77734375" style="88" customWidth="1"/>
    <col min="9216" max="9216" width="7.21875" style="88" customWidth="1"/>
    <col min="9217" max="9217" width="4.109375" style="88" customWidth="1"/>
    <col min="9218" max="9218" width="5.77734375" style="88" customWidth="1"/>
    <col min="9219" max="9219" width="1.77734375" style="88" customWidth="1"/>
    <col min="9220" max="9220" width="8.88671875" style="88"/>
    <col min="9221" max="9221" width="5" style="88" customWidth="1"/>
    <col min="9222" max="9222" width="1.6640625" style="88" customWidth="1"/>
    <col min="9223" max="9223" width="3.88671875" style="88" customWidth="1"/>
    <col min="9224" max="9224" width="2.109375" style="88" customWidth="1"/>
    <col min="9225" max="9226" width="4" style="88" customWidth="1"/>
    <col min="9227" max="9227" width="13.77734375" style="88" customWidth="1"/>
    <col min="9228" max="9228" width="1.44140625" style="88" customWidth="1"/>
    <col min="9229" max="9229" width="3.44140625" style="88" customWidth="1"/>
    <col min="9230" max="9230" width="1.6640625" style="88" customWidth="1"/>
    <col min="9231" max="9231" width="72.44140625" style="88" customWidth="1"/>
    <col min="9232" max="9232" width="8.33203125" style="88" customWidth="1"/>
    <col min="9233" max="9236" width="0" style="88" hidden="1" customWidth="1"/>
    <col min="9237" max="9247" width="8.88671875" style="88"/>
    <col min="9248" max="9251" width="0" style="88" hidden="1" customWidth="1"/>
    <col min="9252" max="9259" width="10" style="88" customWidth="1"/>
    <col min="9260" max="9466" width="8.88671875" style="88"/>
    <col min="9467" max="9467" width="7.44140625" style="88" customWidth="1"/>
    <col min="9468" max="9468" width="16" style="88" customWidth="1"/>
    <col min="9469" max="9469" width="12.21875" style="88" customWidth="1"/>
    <col min="9470" max="9470" width="6.109375" style="88" customWidth="1"/>
    <col min="9471" max="9471" width="1.77734375" style="88" customWidth="1"/>
    <col min="9472" max="9472" width="7.21875" style="88" customWidth="1"/>
    <col min="9473" max="9473" width="4.109375" style="88" customWidth="1"/>
    <col min="9474" max="9474" width="5.77734375" style="88" customWidth="1"/>
    <col min="9475" max="9475" width="1.77734375" style="88" customWidth="1"/>
    <col min="9476" max="9476" width="8.88671875" style="88"/>
    <col min="9477" max="9477" width="5" style="88" customWidth="1"/>
    <col min="9478" max="9478" width="1.6640625" style="88" customWidth="1"/>
    <col min="9479" max="9479" width="3.88671875" style="88" customWidth="1"/>
    <col min="9480" max="9480" width="2.109375" style="88" customWidth="1"/>
    <col min="9481" max="9482" width="4" style="88" customWidth="1"/>
    <col min="9483" max="9483" width="13.77734375" style="88" customWidth="1"/>
    <col min="9484" max="9484" width="1.44140625" style="88" customWidth="1"/>
    <col min="9485" max="9485" width="3.44140625" style="88" customWidth="1"/>
    <col min="9486" max="9486" width="1.6640625" style="88" customWidth="1"/>
    <col min="9487" max="9487" width="72.44140625" style="88" customWidth="1"/>
    <col min="9488" max="9488" width="8.33203125" style="88" customWidth="1"/>
    <col min="9489" max="9492" width="0" style="88" hidden="1" customWidth="1"/>
    <col min="9493" max="9503" width="8.88671875" style="88"/>
    <col min="9504" max="9507" width="0" style="88" hidden="1" customWidth="1"/>
    <col min="9508" max="9515" width="10" style="88" customWidth="1"/>
    <col min="9516" max="9722" width="8.88671875" style="88"/>
    <col min="9723" max="9723" width="7.44140625" style="88" customWidth="1"/>
    <col min="9724" max="9724" width="16" style="88" customWidth="1"/>
    <col min="9725" max="9725" width="12.21875" style="88" customWidth="1"/>
    <col min="9726" max="9726" width="6.109375" style="88" customWidth="1"/>
    <col min="9727" max="9727" width="1.77734375" style="88" customWidth="1"/>
    <col min="9728" max="9728" width="7.21875" style="88" customWidth="1"/>
    <col min="9729" max="9729" width="4.109375" style="88" customWidth="1"/>
    <col min="9730" max="9730" width="5.77734375" style="88" customWidth="1"/>
    <col min="9731" max="9731" width="1.77734375" style="88" customWidth="1"/>
    <col min="9732" max="9732" width="8.88671875" style="88"/>
    <col min="9733" max="9733" width="5" style="88" customWidth="1"/>
    <col min="9734" max="9734" width="1.6640625" style="88" customWidth="1"/>
    <col min="9735" max="9735" width="3.88671875" style="88" customWidth="1"/>
    <col min="9736" max="9736" width="2.109375" style="88" customWidth="1"/>
    <col min="9737" max="9738" width="4" style="88" customWidth="1"/>
    <col min="9739" max="9739" width="13.77734375" style="88" customWidth="1"/>
    <col min="9740" max="9740" width="1.44140625" style="88" customWidth="1"/>
    <col min="9741" max="9741" width="3.44140625" style="88" customWidth="1"/>
    <col min="9742" max="9742" width="1.6640625" style="88" customWidth="1"/>
    <col min="9743" max="9743" width="72.44140625" style="88" customWidth="1"/>
    <col min="9744" max="9744" width="8.33203125" style="88" customWidth="1"/>
    <col min="9745" max="9748" width="0" style="88" hidden="1" customWidth="1"/>
    <col min="9749" max="9759" width="8.88671875" style="88"/>
    <col min="9760" max="9763" width="0" style="88" hidden="1" customWidth="1"/>
    <col min="9764" max="9771" width="10" style="88" customWidth="1"/>
    <col min="9772" max="9978" width="8.88671875" style="88"/>
    <col min="9979" max="9979" width="7.44140625" style="88" customWidth="1"/>
    <col min="9980" max="9980" width="16" style="88" customWidth="1"/>
    <col min="9981" max="9981" width="12.21875" style="88" customWidth="1"/>
    <col min="9982" max="9982" width="6.109375" style="88" customWidth="1"/>
    <col min="9983" max="9983" width="1.77734375" style="88" customWidth="1"/>
    <col min="9984" max="9984" width="7.21875" style="88" customWidth="1"/>
    <col min="9985" max="9985" width="4.109375" style="88" customWidth="1"/>
    <col min="9986" max="9986" width="5.77734375" style="88" customWidth="1"/>
    <col min="9987" max="9987" width="1.77734375" style="88" customWidth="1"/>
    <col min="9988" max="9988" width="8.88671875" style="88"/>
    <col min="9989" max="9989" width="5" style="88" customWidth="1"/>
    <col min="9990" max="9990" width="1.6640625" style="88" customWidth="1"/>
    <col min="9991" max="9991" width="3.88671875" style="88" customWidth="1"/>
    <col min="9992" max="9992" width="2.109375" style="88" customWidth="1"/>
    <col min="9993" max="9994" width="4" style="88" customWidth="1"/>
    <col min="9995" max="9995" width="13.77734375" style="88" customWidth="1"/>
    <col min="9996" max="9996" width="1.44140625" style="88" customWidth="1"/>
    <col min="9997" max="9997" width="3.44140625" style="88" customWidth="1"/>
    <col min="9998" max="9998" width="1.6640625" style="88" customWidth="1"/>
    <col min="9999" max="9999" width="72.44140625" style="88" customWidth="1"/>
    <col min="10000" max="10000" width="8.33203125" style="88" customWidth="1"/>
    <col min="10001" max="10004" width="0" style="88" hidden="1" customWidth="1"/>
    <col min="10005" max="10015" width="8.88671875" style="88"/>
    <col min="10016" max="10019" width="0" style="88" hidden="1" customWidth="1"/>
    <col min="10020" max="10027" width="10" style="88" customWidth="1"/>
    <col min="10028" max="10234" width="8.88671875" style="88"/>
    <col min="10235" max="10235" width="7.44140625" style="88" customWidth="1"/>
    <col min="10236" max="10236" width="16" style="88" customWidth="1"/>
    <col min="10237" max="10237" width="12.21875" style="88" customWidth="1"/>
    <col min="10238" max="10238" width="6.109375" style="88" customWidth="1"/>
    <col min="10239" max="10239" width="1.77734375" style="88" customWidth="1"/>
    <col min="10240" max="10240" width="7.21875" style="88" customWidth="1"/>
    <col min="10241" max="10241" width="4.109375" style="88" customWidth="1"/>
    <col min="10242" max="10242" width="5.77734375" style="88" customWidth="1"/>
    <col min="10243" max="10243" width="1.77734375" style="88" customWidth="1"/>
    <col min="10244" max="10244" width="8.88671875" style="88"/>
    <col min="10245" max="10245" width="5" style="88" customWidth="1"/>
    <col min="10246" max="10246" width="1.6640625" style="88" customWidth="1"/>
    <col min="10247" max="10247" width="3.88671875" style="88" customWidth="1"/>
    <col min="10248" max="10248" width="2.109375" style="88" customWidth="1"/>
    <col min="10249" max="10250" width="4" style="88" customWidth="1"/>
    <col min="10251" max="10251" width="13.77734375" style="88" customWidth="1"/>
    <col min="10252" max="10252" width="1.44140625" style="88" customWidth="1"/>
    <col min="10253" max="10253" width="3.44140625" style="88" customWidth="1"/>
    <col min="10254" max="10254" width="1.6640625" style="88" customWidth="1"/>
    <col min="10255" max="10255" width="72.44140625" style="88" customWidth="1"/>
    <col min="10256" max="10256" width="8.33203125" style="88" customWidth="1"/>
    <col min="10257" max="10260" width="0" style="88" hidden="1" customWidth="1"/>
    <col min="10261" max="10271" width="8.88671875" style="88"/>
    <col min="10272" max="10275" width="0" style="88" hidden="1" customWidth="1"/>
    <col min="10276" max="10283" width="10" style="88" customWidth="1"/>
    <col min="10284" max="10490" width="8.88671875" style="88"/>
    <col min="10491" max="10491" width="7.44140625" style="88" customWidth="1"/>
    <col min="10492" max="10492" width="16" style="88" customWidth="1"/>
    <col min="10493" max="10493" width="12.21875" style="88" customWidth="1"/>
    <col min="10494" max="10494" width="6.109375" style="88" customWidth="1"/>
    <col min="10495" max="10495" width="1.77734375" style="88" customWidth="1"/>
    <col min="10496" max="10496" width="7.21875" style="88" customWidth="1"/>
    <col min="10497" max="10497" width="4.109375" style="88" customWidth="1"/>
    <col min="10498" max="10498" width="5.77734375" style="88" customWidth="1"/>
    <col min="10499" max="10499" width="1.77734375" style="88" customWidth="1"/>
    <col min="10500" max="10500" width="8.88671875" style="88"/>
    <col min="10501" max="10501" width="5" style="88" customWidth="1"/>
    <col min="10502" max="10502" width="1.6640625" style="88" customWidth="1"/>
    <col min="10503" max="10503" width="3.88671875" style="88" customWidth="1"/>
    <col min="10504" max="10504" width="2.109375" style="88" customWidth="1"/>
    <col min="10505" max="10506" width="4" style="88" customWidth="1"/>
    <col min="10507" max="10507" width="13.77734375" style="88" customWidth="1"/>
    <col min="10508" max="10508" width="1.44140625" style="88" customWidth="1"/>
    <col min="10509" max="10509" width="3.44140625" style="88" customWidth="1"/>
    <col min="10510" max="10510" width="1.6640625" style="88" customWidth="1"/>
    <col min="10511" max="10511" width="72.44140625" style="88" customWidth="1"/>
    <col min="10512" max="10512" width="8.33203125" style="88" customWidth="1"/>
    <col min="10513" max="10516" width="0" style="88" hidden="1" customWidth="1"/>
    <col min="10517" max="10527" width="8.88671875" style="88"/>
    <col min="10528" max="10531" width="0" style="88" hidden="1" customWidth="1"/>
    <col min="10532" max="10539" width="10" style="88" customWidth="1"/>
    <col min="10540" max="10746" width="8.88671875" style="88"/>
    <col min="10747" max="10747" width="7.44140625" style="88" customWidth="1"/>
    <col min="10748" max="10748" width="16" style="88" customWidth="1"/>
    <col min="10749" max="10749" width="12.21875" style="88" customWidth="1"/>
    <col min="10750" max="10750" width="6.109375" style="88" customWidth="1"/>
    <col min="10751" max="10751" width="1.77734375" style="88" customWidth="1"/>
    <col min="10752" max="10752" width="7.21875" style="88" customWidth="1"/>
    <col min="10753" max="10753" width="4.109375" style="88" customWidth="1"/>
    <col min="10754" max="10754" width="5.77734375" style="88" customWidth="1"/>
    <col min="10755" max="10755" width="1.77734375" style="88" customWidth="1"/>
    <col min="10756" max="10756" width="8.88671875" style="88"/>
    <col min="10757" max="10757" width="5" style="88" customWidth="1"/>
    <col min="10758" max="10758" width="1.6640625" style="88" customWidth="1"/>
    <col min="10759" max="10759" width="3.88671875" style="88" customWidth="1"/>
    <col min="10760" max="10760" width="2.109375" style="88" customWidth="1"/>
    <col min="10761" max="10762" width="4" style="88" customWidth="1"/>
    <col min="10763" max="10763" width="13.77734375" style="88" customWidth="1"/>
    <col min="10764" max="10764" width="1.44140625" style="88" customWidth="1"/>
    <col min="10765" max="10765" width="3.44140625" style="88" customWidth="1"/>
    <col min="10766" max="10766" width="1.6640625" style="88" customWidth="1"/>
    <col min="10767" max="10767" width="72.44140625" style="88" customWidth="1"/>
    <col min="10768" max="10768" width="8.33203125" style="88" customWidth="1"/>
    <col min="10769" max="10772" width="0" style="88" hidden="1" customWidth="1"/>
    <col min="10773" max="10783" width="8.88671875" style="88"/>
    <col min="10784" max="10787" width="0" style="88" hidden="1" customWidth="1"/>
    <col min="10788" max="10795" width="10" style="88" customWidth="1"/>
    <col min="10796" max="11002" width="8.88671875" style="88"/>
    <col min="11003" max="11003" width="7.44140625" style="88" customWidth="1"/>
    <col min="11004" max="11004" width="16" style="88" customWidth="1"/>
    <col min="11005" max="11005" width="12.21875" style="88" customWidth="1"/>
    <col min="11006" max="11006" width="6.109375" style="88" customWidth="1"/>
    <col min="11007" max="11007" width="1.77734375" style="88" customWidth="1"/>
    <col min="11008" max="11008" width="7.21875" style="88" customWidth="1"/>
    <col min="11009" max="11009" width="4.109375" style="88" customWidth="1"/>
    <col min="11010" max="11010" width="5.77734375" style="88" customWidth="1"/>
    <col min="11011" max="11011" width="1.77734375" style="88" customWidth="1"/>
    <col min="11012" max="11012" width="8.88671875" style="88"/>
    <col min="11013" max="11013" width="5" style="88" customWidth="1"/>
    <col min="11014" max="11014" width="1.6640625" style="88" customWidth="1"/>
    <col min="11015" max="11015" width="3.88671875" style="88" customWidth="1"/>
    <col min="11016" max="11016" width="2.109375" style="88" customWidth="1"/>
    <col min="11017" max="11018" width="4" style="88" customWidth="1"/>
    <col min="11019" max="11019" width="13.77734375" style="88" customWidth="1"/>
    <col min="11020" max="11020" width="1.44140625" style="88" customWidth="1"/>
    <col min="11021" max="11021" width="3.44140625" style="88" customWidth="1"/>
    <col min="11022" max="11022" width="1.6640625" style="88" customWidth="1"/>
    <col min="11023" max="11023" width="72.44140625" style="88" customWidth="1"/>
    <col min="11024" max="11024" width="8.33203125" style="88" customWidth="1"/>
    <col min="11025" max="11028" width="0" style="88" hidden="1" customWidth="1"/>
    <col min="11029" max="11039" width="8.88671875" style="88"/>
    <col min="11040" max="11043" width="0" style="88" hidden="1" customWidth="1"/>
    <col min="11044" max="11051" width="10" style="88" customWidth="1"/>
    <col min="11052" max="11258" width="8.88671875" style="88"/>
    <col min="11259" max="11259" width="7.44140625" style="88" customWidth="1"/>
    <col min="11260" max="11260" width="16" style="88" customWidth="1"/>
    <col min="11261" max="11261" width="12.21875" style="88" customWidth="1"/>
    <col min="11262" max="11262" width="6.109375" style="88" customWidth="1"/>
    <col min="11263" max="11263" width="1.77734375" style="88" customWidth="1"/>
    <col min="11264" max="11264" width="7.21875" style="88" customWidth="1"/>
    <col min="11265" max="11265" width="4.109375" style="88" customWidth="1"/>
    <col min="11266" max="11266" width="5.77734375" style="88" customWidth="1"/>
    <col min="11267" max="11267" width="1.77734375" style="88" customWidth="1"/>
    <col min="11268" max="11268" width="8.88671875" style="88"/>
    <col min="11269" max="11269" width="5" style="88" customWidth="1"/>
    <col min="11270" max="11270" width="1.6640625" style="88" customWidth="1"/>
    <col min="11271" max="11271" width="3.88671875" style="88" customWidth="1"/>
    <col min="11272" max="11272" width="2.109375" style="88" customWidth="1"/>
    <col min="11273" max="11274" width="4" style="88" customWidth="1"/>
    <col min="11275" max="11275" width="13.77734375" style="88" customWidth="1"/>
    <col min="11276" max="11276" width="1.44140625" style="88" customWidth="1"/>
    <col min="11277" max="11277" width="3.44140625" style="88" customWidth="1"/>
    <col min="11278" max="11278" width="1.6640625" style="88" customWidth="1"/>
    <col min="11279" max="11279" width="72.44140625" style="88" customWidth="1"/>
    <col min="11280" max="11280" width="8.33203125" style="88" customWidth="1"/>
    <col min="11281" max="11284" width="0" style="88" hidden="1" customWidth="1"/>
    <col min="11285" max="11295" width="8.88671875" style="88"/>
    <col min="11296" max="11299" width="0" style="88" hidden="1" customWidth="1"/>
    <col min="11300" max="11307" width="10" style="88" customWidth="1"/>
    <col min="11308" max="11514" width="8.88671875" style="88"/>
    <col min="11515" max="11515" width="7.44140625" style="88" customWidth="1"/>
    <col min="11516" max="11516" width="16" style="88" customWidth="1"/>
    <col min="11517" max="11517" width="12.21875" style="88" customWidth="1"/>
    <col min="11518" max="11518" width="6.109375" style="88" customWidth="1"/>
    <col min="11519" max="11519" width="1.77734375" style="88" customWidth="1"/>
    <col min="11520" max="11520" width="7.21875" style="88" customWidth="1"/>
    <col min="11521" max="11521" width="4.109375" style="88" customWidth="1"/>
    <col min="11522" max="11522" width="5.77734375" style="88" customWidth="1"/>
    <col min="11523" max="11523" width="1.77734375" style="88" customWidth="1"/>
    <col min="11524" max="11524" width="8.88671875" style="88"/>
    <col min="11525" max="11525" width="5" style="88" customWidth="1"/>
    <col min="11526" max="11526" width="1.6640625" style="88" customWidth="1"/>
    <col min="11527" max="11527" width="3.88671875" style="88" customWidth="1"/>
    <col min="11528" max="11528" width="2.109375" style="88" customWidth="1"/>
    <col min="11529" max="11530" width="4" style="88" customWidth="1"/>
    <col min="11531" max="11531" width="13.77734375" style="88" customWidth="1"/>
    <col min="11532" max="11532" width="1.44140625" style="88" customWidth="1"/>
    <col min="11533" max="11533" width="3.44140625" style="88" customWidth="1"/>
    <col min="11534" max="11534" width="1.6640625" style="88" customWidth="1"/>
    <col min="11535" max="11535" width="72.44140625" style="88" customWidth="1"/>
    <col min="11536" max="11536" width="8.33203125" style="88" customWidth="1"/>
    <col min="11537" max="11540" width="0" style="88" hidden="1" customWidth="1"/>
    <col min="11541" max="11551" width="8.88671875" style="88"/>
    <col min="11552" max="11555" width="0" style="88" hidden="1" customWidth="1"/>
    <col min="11556" max="11563" width="10" style="88" customWidth="1"/>
    <col min="11564" max="11770" width="8.88671875" style="88"/>
    <col min="11771" max="11771" width="7.44140625" style="88" customWidth="1"/>
    <col min="11772" max="11772" width="16" style="88" customWidth="1"/>
    <col min="11773" max="11773" width="12.21875" style="88" customWidth="1"/>
    <col min="11774" max="11774" width="6.109375" style="88" customWidth="1"/>
    <col min="11775" max="11775" width="1.77734375" style="88" customWidth="1"/>
    <col min="11776" max="11776" width="7.21875" style="88" customWidth="1"/>
    <col min="11777" max="11777" width="4.109375" style="88" customWidth="1"/>
    <col min="11778" max="11778" width="5.77734375" style="88" customWidth="1"/>
    <col min="11779" max="11779" width="1.77734375" style="88" customWidth="1"/>
    <col min="11780" max="11780" width="8.88671875" style="88"/>
    <col min="11781" max="11781" width="5" style="88" customWidth="1"/>
    <col min="11782" max="11782" width="1.6640625" style="88" customWidth="1"/>
    <col min="11783" max="11783" width="3.88671875" style="88" customWidth="1"/>
    <col min="11784" max="11784" width="2.109375" style="88" customWidth="1"/>
    <col min="11785" max="11786" width="4" style="88" customWidth="1"/>
    <col min="11787" max="11787" width="13.77734375" style="88" customWidth="1"/>
    <col min="11788" max="11788" width="1.44140625" style="88" customWidth="1"/>
    <col min="11789" max="11789" width="3.44140625" style="88" customWidth="1"/>
    <col min="11790" max="11790" width="1.6640625" style="88" customWidth="1"/>
    <col min="11791" max="11791" width="72.44140625" style="88" customWidth="1"/>
    <col min="11792" max="11792" width="8.33203125" style="88" customWidth="1"/>
    <col min="11793" max="11796" width="0" style="88" hidden="1" customWidth="1"/>
    <col min="11797" max="11807" width="8.88671875" style="88"/>
    <col min="11808" max="11811" width="0" style="88" hidden="1" customWidth="1"/>
    <col min="11812" max="11819" width="10" style="88" customWidth="1"/>
    <col min="11820" max="12026" width="8.88671875" style="88"/>
    <col min="12027" max="12027" width="7.44140625" style="88" customWidth="1"/>
    <col min="12028" max="12028" width="16" style="88" customWidth="1"/>
    <col min="12029" max="12029" width="12.21875" style="88" customWidth="1"/>
    <col min="12030" max="12030" width="6.109375" style="88" customWidth="1"/>
    <col min="12031" max="12031" width="1.77734375" style="88" customWidth="1"/>
    <col min="12032" max="12032" width="7.21875" style="88" customWidth="1"/>
    <col min="12033" max="12033" width="4.109375" style="88" customWidth="1"/>
    <col min="12034" max="12034" width="5.77734375" style="88" customWidth="1"/>
    <col min="12035" max="12035" width="1.77734375" style="88" customWidth="1"/>
    <col min="12036" max="12036" width="8.88671875" style="88"/>
    <col min="12037" max="12037" width="5" style="88" customWidth="1"/>
    <col min="12038" max="12038" width="1.6640625" style="88" customWidth="1"/>
    <col min="12039" max="12039" width="3.88671875" style="88" customWidth="1"/>
    <col min="12040" max="12040" width="2.109375" style="88" customWidth="1"/>
    <col min="12041" max="12042" width="4" style="88" customWidth="1"/>
    <col min="12043" max="12043" width="13.77734375" style="88" customWidth="1"/>
    <col min="12044" max="12044" width="1.44140625" style="88" customWidth="1"/>
    <col min="12045" max="12045" width="3.44140625" style="88" customWidth="1"/>
    <col min="12046" max="12046" width="1.6640625" style="88" customWidth="1"/>
    <col min="12047" max="12047" width="72.44140625" style="88" customWidth="1"/>
    <col min="12048" max="12048" width="8.33203125" style="88" customWidth="1"/>
    <col min="12049" max="12052" width="0" style="88" hidden="1" customWidth="1"/>
    <col min="12053" max="12063" width="8.88671875" style="88"/>
    <col min="12064" max="12067" width="0" style="88" hidden="1" customWidth="1"/>
    <col min="12068" max="12075" width="10" style="88" customWidth="1"/>
    <col min="12076" max="12282" width="8.88671875" style="88"/>
    <col min="12283" max="12283" width="7.44140625" style="88" customWidth="1"/>
    <col min="12284" max="12284" width="16" style="88" customWidth="1"/>
    <col min="12285" max="12285" width="12.21875" style="88" customWidth="1"/>
    <col min="12286" max="12286" width="6.109375" style="88" customWidth="1"/>
    <col min="12287" max="12287" width="1.77734375" style="88" customWidth="1"/>
    <col min="12288" max="12288" width="7.21875" style="88" customWidth="1"/>
    <col min="12289" max="12289" width="4.109375" style="88" customWidth="1"/>
    <col min="12290" max="12290" width="5.77734375" style="88" customWidth="1"/>
    <col min="12291" max="12291" width="1.77734375" style="88" customWidth="1"/>
    <col min="12292" max="12292" width="8.88671875" style="88"/>
    <col min="12293" max="12293" width="5" style="88" customWidth="1"/>
    <col min="12294" max="12294" width="1.6640625" style="88" customWidth="1"/>
    <col min="12295" max="12295" width="3.88671875" style="88" customWidth="1"/>
    <col min="12296" max="12296" width="2.109375" style="88" customWidth="1"/>
    <col min="12297" max="12298" width="4" style="88" customWidth="1"/>
    <col min="12299" max="12299" width="13.77734375" style="88" customWidth="1"/>
    <col min="12300" max="12300" width="1.44140625" style="88" customWidth="1"/>
    <col min="12301" max="12301" width="3.44140625" style="88" customWidth="1"/>
    <col min="12302" max="12302" width="1.6640625" style="88" customWidth="1"/>
    <col min="12303" max="12303" width="72.44140625" style="88" customWidth="1"/>
    <col min="12304" max="12304" width="8.33203125" style="88" customWidth="1"/>
    <col min="12305" max="12308" width="0" style="88" hidden="1" customWidth="1"/>
    <col min="12309" max="12319" width="8.88671875" style="88"/>
    <col min="12320" max="12323" width="0" style="88" hidden="1" customWidth="1"/>
    <col min="12324" max="12331" width="10" style="88" customWidth="1"/>
    <col min="12332" max="12538" width="8.88671875" style="88"/>
    <col min="12539" max="12539" width="7.44140625" style="88" customWidth="1"/>
    <col min="12540" max="12540" width="16" style="88" customWidth="1"/>
    <col min="12541" max="12541" width="12.21875" style="88" customWidth="1"/>
    <col min="12542" max="12542" width="6.109375" style="88" customWidth="1"/>
    <col min="12543" max="12543" width="1.77734375" style="88" customWidth="1"/>
    <col min="12544" max="12544" width="7.21875" style="88" customWidth="1"/>
    <col min="12545" max="12545" width="4.109375" style="88" customWidth="1"/>
    <col min="12546" max="12546" width="5.77734375" style="88" customWidth="1"/>
    <col min="12547" max="12547" width="1.77734375" style="88" customWidth="1"/>
    <col min="12548" max="12548" width="8.88671875" style="88"/>
    <col min="12549" max="12549" width="5" style="88" customWidth="1"/>
    <col min="12550" max="12550" width="1.6640625" style="88" customWidth="1"/>
    <col min="12551" max="12551" width="3.88671875" style="88" customWidth="1"/>
    <col min="12552" max="12552" width="2.109375" style="88" customWidth="1"/>
    <col min="12553" max="12554" width="4" style="88" customWidth="1"/>
    <col min="12555" max="12555" width="13.77734375" style="88" customWidth="1"/>
    <col min="12556" max="12556" width="1.44140625" style="88" customWidth="1"/>
    <col min="12557" max="12557" width="3.44140625" style="88" customWidth="1"/>
    <col min="12558" max="12558" width="1.6640625" style="88" customWidth="1"/>
    <col min="12559" max="12559" width="72.44140625" style="88" customWidth="1"/>
    <col min="12560" max="12560" width="8.33203125" style="88" customWidth="1"/>
    <col min="12561" max="12564" width="0" style="88" hidden="1" customWidth="1"/>
    <col min="12565" max="12575" width="8.88671875" style="88"/>
    <col min="12576" max="12579" width="0" style="88" hidden="1" customWidth="1"/>
    <col min="12580" max="12587" width="10" style="88" customWidth="1"/>
    <col min="12588" max="12794" width="8.88671875" style="88"/>
    <col min="12795" max="12795" width="7.44140625" style="88" customWidth="1"/>
    <col min="12796" max="12796" width="16" style="88" customWidth="1"/>
    <col min="12797" max="12797" width="12.21875" style="88" customWidth="1"/>
    <col min="12798" max="12798" width="6.109375" style="88" customWidth="1"/>
    <col min="12799" max="12799" width="1.77734375" style="88" customWidth="1"/>
    <col min="12800" max="12800" width="7.21875" style="88" customWidth="1"/>
    <col min="12801" max="12801" width="4.109375" style="88" customWidth="1"/>
    <col min="12802" max="12802" width="5.77734375" style="88" customWidth="1"/>
    <col min="12803" max="12803" width="1.77734375" style="88" customWidth="1"/>
    <col min="12804" max="12804" width="8.88671875" style="88"/>
    <col min="12805" max="12805" width="5" style="88" customWidth="1"/>
    <col min="12806" max="12806" width="1.6640625" style="88" customWidth="1"/>
    <col min="12807" max="12807" width="3.88671875" style="88" customWidth="1"/>
    <col min="12808" max="12808" width="2.109375" style="88" customWidth="1"/>
    <col min="12809" max="12810" width="4" style="88" customWidth="1"/>
    <col min="12811" max="12811" width="13.77734375" style="88" customWidth="1"/>
    <col min="12812" max="12812" width="1.44140625" style="88" customWidth="1"/>
    <col min="12813" max="12813" width="3.44140625" style="88" customWidth="1"/>
    <col min="12814" max="12814" width="1.6640625" style="88" customWidth="1"/>
    <col min="12815" max="12815" width="72.44140625" style="88" customWidth="1"/>
    <col min="12816" max="12816" width="8.33203125" style="88" customWidth="1"/>
    <col min="12817" max="12820" width="0" style="88" hidden="1" customWidth="1"/>
    <col min="12821" max="12831" width="8.88671875" style="88"/>
    <col min="12832" max="12835" width="0" style="88" hidden="1" customWidth="1"/>
    <col min="12836" max="12843" width="10" style="88" customWidth="1"/>
    <col min="12844" max="13050" width="8.88671875" style="88"/>
    <col min="13051" max="13051" width="7.44140625" style="88" customWidth="1"/>
    <col min="13052" max="13052" width="16" style="88" customWidth="1"/>
    <col min="13053" max="13053" width="12.21875" style="88" customWidth="1"/>
    <col min="13054" max="13054" width="6.109375" style="88" customWidth="1"/>
    <col min="13055" max="13055" width="1.77734375" style="88" customWidth="1"/>
    <col min="13056" max="13056" width="7.21875" style="88" customWidth="1"/>
    <col min="13057" max="13057" width="4.109375" style="88" customWidth="1"/>
    <col min="13058" max="13058" width="5.77734375" style="88" customWidth="1"/>
    <col min="13059" max="13059" width="1.77734375" style="88" customWidth="1"/>
    <col min="13060" max="13060" width="8.88671875" style="88"/>
    <col min="13061" max="13061" width="5" style="88" customWidth="1"/>
    <col min="13062" max="13062" width="1.6640625" style="88" customWidth="1"/>
    <col min="13063" max="13063" width="3.88671875" style="88" customWidth="1"/>
    <col min="13064" max="13064" width="2.109375" style="88" customWidth="1"/>
    <col min="13065" max="13066" width="4" style="88" customWidth="1"/>
    <col min="13067" max="13067" width="13.77734375" style="88" customWidth="1"/>
    <col min="13068" max="13068" width="1.44140625" style="88" customWidth="1"/>
    <col min="13069" max="13069" width="3.44140625" style="88" customWidth="1"/>
    <col min="13070" max="13070" width="1.6640625" style="88" customWidth="1"/>
    <col min="13071" max="13071" width="72.44140625" style="88" customWidth="1"/>
    <col min="13072" max="13072" width="8.33203125" style="88" customWidth="1"/>
    <col min="13073" max="13076" width="0" style="88" hidden="1" customWidth="1"/>
    <col min="13077" max="13087" width="8.88671875" style="88"/>
    <col min="13088" max="13091" width="0" style="88" hidden="1" customWidth="1"/>
    <col min="13092" max="13099" width="10" style="88" customWidth="1"/>
    <col min="13100" max="13306" width="8.88671875" style="88"/>
    <col min="13307" max="13307" width="7.44140625" style="88" customWidth="1"/>
    <col min="13308" max="13308" width="16" style="88" customWidth="1"/>
    <col min="13309" max="13309" width="12.21875" style="88" customWidth="1"/>
    <col min="13310" max="13310" width="6.109375" style="88" customWidth="1"/>
    <col min="13311" max="13311" width="1.77734375" style="88" customWidth="1"/>
    <col min="13312" max="13312" width="7.21875" style="88" customWidth="1"/>
    <col min="13313" max="13313" width="4.109375" style="88" customWidth="1"/>
    <col min="13314" max="13314" width="5.77734375" style="88" customWidth="1"/>
    <col min="13315" max="13315" width="1.77734375" style="88" customWidth="1"/>
    <col min="13316" max="13316" width="8.88671875" style="88"/>
    <col min="13317" max="13317" width="5" style="88" customWidth="1"/>
    <col min="13318" max="13318" width="1.6640625" style="88" customWidth="1"/>
    <col min="13319" max="13319" width="3.88671875" style="88" customWidth="1"/>
    <col min="13320" max="13320" width="2.109375" style="88" customWidth="1"/>
    <col min="13321" max="13322" width="4" style="88" customWidth="1"/>
    <col min="13323" max="13323" width="13.77734375" style="88" customWidth="1"/>
    <col min="13324" max="13324" width="1.44140625" style="88" customWidth="1"/>
    <col min="13325" max="13325" width="3.44140625" style="88" customWidth="1"/>
    <col min="13326" max="13326" width="1.6640625" style="88" customWidth="1"/>
    <col min="13327" max="13327" width="72.44140625" style="88" customWidth="1"/>
    <col min="13328" max="13328" width="8.33203125" style="88" customWidth="1"/>
    <col min="13329" max="13332" width="0" style="88" hidden="1" customWidth="1"/>
    <col min="13333" max="13343" width="8.88671875" style="88"/>
    <col min="13344" max="13347" width="0" style="88" hidden="1" customWidth="1"/>
    <col min="13348" max="13355" width="10" style="88" customWidth="1"/>
    <col min="13356" max="13562" width="8.88671875" style="88"/>
    <col min="13563" max="13563" width="7.44140625" style="88" customWidth="1"/>
    <col min="13564" max="13564" width="16" style="88" customWidth="1"/>
    <col min="13565" max="13565" width="12.21875" style="88" customWidth="1"/>
    <col min="13566" max="13566" width="6.109375" style="88" customWidth="1"/>
    <col min="13567" max="13567" width="1.77734375" style="88" customWidth="1"/>
    <col min="13568" max="13568" width="7.21875" style="88" customWidth="1"/>
    <col min="13569" max="13569" width="4.109375" style="88" customWidth="1"/>
    <col min="13570" max="13570" width="5.77734375" style="88" customWidth="1"/>
    <col min="13571" max="13571" width="1.77734375" style="88" customWidth="1"/>
    <col min="13572" max="13572" width="8.88671875" style="88"/>
    <col min="13573" max="13573" width="5" style="88" customWidth="1"/>
    <col min="13574" max="13574" width="1.6640625" style="88" customWidth="1"/>
    <col min="13575" max="13575" width="3.88671875" style="88" customWidth="1"/>
    <col min="13576" max="13576" width="2.109375" style="88" customWidth="1"/>
    <col min="13577" max="13578" width="4" style="88" customWidth="1"/>
    <col min="13579" max="13579" width="13.77734375" style="88" customWidth="1"/>
    <col min="13580" max="13580" width="1.44140625" style="88" customWidth="1"/>
    <col min="13581" max="13581" width="3.44140625" style="88" customWidth="1"/>
    <col min="13582" max="13582" width="1.6640625" style="88" customWidth="1"/>
    <col min="13583" max="13583" width="72.44140625" style="88" customWidth="1"/>
    <col min="13584" max="13584" width="8.33203125" style="88" customWidth="1"/>
    <col min="13585" max="13588" width="0" style="88" hidden="1" customWidth="1"/>
    <col min="13589" max="13599" width="8.88671875" style="88"/>
    <col min="13600" max="13603" width="0" style="88" hidden="1" customWidth="1"/>
    <col min="13604" max="13611" width="10" style="88" customWidth="1"/>
    <col min="13612" max="13818" width="8.88671875" style="88"/>
    <col min="13819" max="13819" width="7.44140625" style="88" customWidth="1"/>
    <col min="13820" max="13820" width="16" style="88" customWidth="1"/>
    <col min="13821" max="13821" width="12.21875" style="88" customWidth="1"/>
    <col min="13822" max="13822" width="6.109375" style="88" customWidth="1"/>
    <col min="13823" max="13823" width="1.77734375" style="88" customWidth="1"/>
    <col min="13824" max="13824" width="7.21875" style="88" customWidth="1"/>
    <col min="13825" max="13825" width="4.109375" style="88" customWidth="1"/>
    <col min="13826" max="13826" width="5.77734375" style="88" customWidth="1"/>
    <col min="13827" max="13827" width="1.77734375" style="88" customWidth="1"/>
    <col min="13828" max="13828" width="8.88671875" style="88"/>
    <col min="13829" max="13829" width="5" style="88" customWidth="1"/>
    <col min="13830" max="13830" width="1.6640625" style="88" customWidth="1"/>
    <col min="13831" max="13831" width="3.88671875" style="88" customWidth="1"/>
    <col min="13832" max="13832" width="2.109375" style="88" customWidth="1"/>
    <col min="13833" max="13834" width="4" style="88" customWidth="1"/>
    <col min="13835" max="13835" width="13.77734375" style="88" customWidth="1"/>
    <col min="13836" max="13836" width="1.44140625" style="88" customWidth="1"/>
    <col min="13837" max="13837" width="3.44140625" style="88" customWidth="1"/>
    <col min="13838" max="13838" width="1.6640625" style="88" customWidth="1"/>
    <col min="13839" max="13839" width="72.44140625" style="88" customWidth="1"/>
    <col min="13840" max="13840" width="8.33203125" style="88" customWidth="1"/>
    <col min="13841" max="13844" width="0" style="88" hidden="1" customWidth="1"/>
    <col min="13845" max="13855" width="8.88671875" style="88"/>
    <col min="13856" max="13859" width="0" style="88" hidden="1" customWidth="1"/>
    <col min="13860" max="13867" width="10" style="88" customWidth="1"/>
    <col min="13868" max="14074" width="8.88671875" style="88"/>
    <col min="14075" max="14075" width="7.44140625" style="88" customWidth="1"/>
    <col min="14076" max="14076" width="16" style="88" customWidth="1"/>
    <col min="14077" max="14077" width="12.21875" style="88" customWidth="1"/>
    <col min="14078" max="14078" width="6.109375" style="88" customWidth="1"/>
    <col min="14079" max="14079" width="1.77734375" style="88" customWidth="1"/>
    <col min="14080" max="14080" width="7.21875" style="88" customWidth="1"/>
    <col min="14081" max="14081" width="4.109375" style="88" customWidth="1"/>
    <col min="14082" max="14082" width="5.77734375" style="88" customWidth="1"/>
    <col min="14083" max="14083" width="1.77734375" style="88" customWidth="1"/>
    <col min="14084" max="14084" width="8.88671875" style="88"/>
    <col min="14085" max="14085" width="5" style="88" customWidth="1"/>
    <col min="14086" max="14086" width="1.6640625" style="88" customWidth="1"/>
    <col min="14087" max="14087" width="3.88671875" style="88" customWidth="1"/>
    <col min="14088" max="14088" width="2.109375" style="88" customWidth="1"/>
    <col min="14089" max="14090" width="4" style="88" customWidth="1"/>
    <col min="14091" max="14091" width="13.77734375" style="88" customWidth="1"/>
    <col min="14092" max="14092" width="1.44140625" style="88" customWidth="1"/>
    <col min="14093" max="14093" width="3.44140625" style="88" customWidth="1"/>
    <col min="14094" max="14094" width="1.6640625" style="88" customWidth="1"/>
    <col min="14095" max="14095" width="72.44140625" style="88" customWidth="1"/>
    <col min="14096" max="14096" width="8.33203125" style="88" customWidth="1"/>
    <col min="14097" max="14100" width="0" style="88" hidden="1" customWidth="1"/>
    <col min="14101" max="14111" width="8.88671875" style="88"/>
    <col min="14112" max="14115" width="0" style="88" hidden="1" customWidth="1"/>
    <col min="14116" max="14123" width="10" style="88" customWidth="1"/>
    <col min="14124" max="14330" width="8.88671875" style="88"/>
    <col min="14331" max="14331" width="7.44140625" style="88" customWidth="1"/>
    <col min="14332" max="14332" width="16" style="88" customWidth="1"/>
    <col min="14333" max="14333" width="12.21875" style="88" customWidth="1"/>
    <col min="14334" max="14334" width="6.109375" style="88" customWidth="1"/>
    <col min="14335" max="14335" width="1.77734375" style="88" customWidth="1"/>
    <col min="14336" max="14336" width="7.21875" style="88" customWidth="1"/>
    <col min="14337" max="14337" width="4.109375" style="88" customWidth="1"/>
    <col min="14338" max="14338" width="5.77734375" style="88" customWidth="1"/>
    <col min="14339" max="14339" width="1.77734375" style="88" customWidth="1"/>
    <col min="14340" max="14340" width="8.88671875" style="88"/>
    <col min="14341" max="14341" width="5" style="88" customWidth="1"/>
    <col min="14342" max="14342" width="1.6640625" style="88" customWidth="1"/>
    <col min="14343" max="14343" width="3.88671875" style="88" customWidth="1"/>
    <col min="14344" max="14344" width="2.109375" style="88" customWidth="1"/>
    <col min="14345" max="14346" width="4" style="88" customWidth="1"/>
    <col min="14347" max="14347" width="13.77734375" style="88" customWidth="1"/>
    <col min="14348" max="14348" width="1.44140625" style="88" customWidth="1"/>
    <col min="14349" max="14349" width="3.44140625" style="88" customWidth="1"/>
    <col min="14350" max="14350" width="1.6640625" style="88" customWidth="1"/>
    <col min="14351" max="14351" width="72.44140625" style="88" customWidth="1"/>
    <col min="14352" max="14352" width="8.33203125" style="88" customWidth="1"/>
    <col min="14353" max="14356" width="0" style="88" hidden="1" customWidth="1"/>
    <col min="14357" max="14367" width="8.88671875" style="88"/>
    <col min="14368" max="14371" width="0" style="88" hidden="1" customWidth="1"/>
    <col min="14372" max="14379" width="10" style="88" customWidth="1"/>
    <col min="14380" max="14586" width="8.88671875" style="88"/>
    <col min="14587" max="14587" width="7.44140625" style="88" customWidth="1"/>
    <col min="14588" max="14588" width="16" style="88" customWidth="1"/>
    <col min="14589" max="14589" width="12.21875" style="88" customWidth="1"/>
    <col min="14590" max="14590" width="6.109375" style="88" customWidth="1"/>
    <col min="14591" max="14591" width="1.77734375" style="88" customWidth="1"/>
    <col min="14592" max="14592" width="7.21875" style="88" customWidth="1"/>
    <col min="14593" max="14593" width="4.109375" style="88" customWidth="1"/>
    <col min="14594" max="14594" width="5.77734375" style="88" customWidth="1"/>
    <col min="14595" max="14595" width="1.77734375" style="88" customWidth="1"/>
    <col min="14596" max="14596" width="8.88671875" style="88"/>
    <col min="14597" max="14597" width="5" style="88" customWidth="1"/>
    <col min="14598" max="14598" width="1.6640625" style="88" customWidth="1"/>
    <col min="14599" max="14599" width="3.88671875" style="88" customWidth="1"/>
    <col min="14600" max="14600" width="2.109375" style="88" customWidth="1"/>
    <col min="14601" max="14602" width="4" style="88" customWidth="1"/>
    <col min="14603" max="14603" width="13.77734375" style="88" customWidth="1"/>
    <col min="14604" max="14604" width="1.44140625" style="88" customWidth="1"/>
    <col min="14605" max="14605" width="3.44140625" style="88" customWidth="1"/>
    <col min="14606" max="14606" width="1.6640625" style="88" customWidth="1"/>
    <col min="14607" max="14607" width="72.44140625" style="88" customWidth="1"/>
    <col min="14608" max="14608" width="8.33203125" style="88" customWidth="1"/>
    <col min="14609" max="14612" width="0" style="88" hidden="1" customWidth="1"/>
    <col min="14613" max="14623" width="8.88671875" style="88"/>
    <col min="14624" max="14627" width="0" style="88" hidden="1" customWidth="1"/>
    <col min="14628" max="14635" width="10" style="88" customWidth="1"/>
    <col min="14636" max="14842" width="8.88671875" style="88"/>
    <col min="14843" max="14843" width="7.44140625" style="88" customWidth="1"/>
    <col min="14844" max="14844" width="16" style="88" customWidth="1"/>
    <col min="14845" max="14845" width="12.21875" style="88" customWidth="1"/>
    <col min="14846" max="14846" width="6.109375" style="88" customWidth="1"/>
    <col min="14847" max="14847" width="1.77734375" style="88" customWidth="1"/>
    <col min="14848" max="14848" width="7.21875" style="88" customWidth="1"/>
    <col min="14849" max="14849" width="4.109375" style="88" customWidth="1"/>
    <col min="14850" max="14850" width="5.77734375" style="88" customWidth="1"/>
    <col min="14851" max="14851" width="1.77734375" style="88" customWidth="1"/>
    <col min="14852" max="14852" width="8.88671875" style="88"/>
    <col min="14853" max="14853" width="5" style="88" customWidth="1"/>
    <col min="14854" max="14854" width="1.6640625" style="88" customWidth="1"/>
    <col min="14855" max="14855" width="3.88671875" style="88" customWidth="1"/>
    <col min="14856" max="14856" width="2.109375" style="88" customWidth="1"/>
    <col min="14857" max="14858" width="4" style="88" customWidth="1"/>
    <col min="14859" max="14859" width="13.77734375" style="88" customWidth="1"/>
    <col min="14860" max="14860" width="1.44140625" style="88" customWidth="1"/>
    <col min="14861" max="14861" width="3.44140625" style="88" customWidth="1"/>
    <col min="14862" max="14862" width="1.6640625" style="88" customWidth="1"/>
    <col min="14863" max="14863" width="72.44140625" style="88" customWidth="1"/>
    <col min="14864" max="14864" width="8.33203125" style="88" customWidth="1"/>
    <col min="14865" max="14868" width="0" style="88" hidden="1" customWidth="1"/>
    <col min="14869" max="14879" width="8.88671875" style="88"/>
    <col min="14880" max="14883" width="0" style="88" hidden="1" customWidth="1"/>
    <col min="14884" max="14891" width="10" style="88" customWidth="1"/>
    <col min="14892" max="15098" width="8.88671875" style="88"/>
    <col min="15099" max="15099" width="7.44140625" style="88" customWidth="1"/>
    <col min="15100" max="15100" width="16" style="88" customWidth="1"/>
    <col min="15101" max="15101" width="12.21875" style="88" customWidth="1"/>
    <col min="15102" max="15102" width="6.109375" style="88" customWidth="1"/>
    <col min="15103" max="15103" width="1.77734375" style="88" customWidth="1"/>
    <col min="15104" max="15104" width="7.21875" style="88" customWidth="1"/>
    <col min="15105" max="15105" width="4.109375" style="88" customWidth="1"/>
    <col min="15106" max="15106" width="5.77734375" style="88" customWidth="1"/>
    <col min="15107" max="15107" width="1.77734375" style="88" customWidth="1"/>
    <col min="15108" max="15108" width="8.88671875" style="88"/>
    <col min="15109" max="15109" width="5" style="88" customWidth="1"/>
    <col min="15110" max="15110" width="1.6640625" style="88" customWidth="1"/>
    <col min="15111" max="15111" width="3.88671875" style="88" customWidth="1"/>
    <col min="15112" max="15112" width="2.109375" style="88" customWidth="1"/>
    <col min="15113" max="15114" width="4" style="88" customWidth="1"/>
    <col min="15115" max="15115" width="13.77734375" style="88" customWidth="1"/>
    <col min="15116" max="15116" width="1.44140625" style="88" customWidth="1"/>
    <col min="15117" max="15117" width="3.44140625" style="88" customWidth="1"/>
    <col min="15118" max="15118" width="1.6640625" style="88" customWidth="1"/>
    <col min="15119" max="15119" width="72.44140625" style="88" customWidth="1"/>
    <col min="15120" max="15120" width="8.33203125" style="88" customWidth="1"/>
    <col min="15121" max="15124" width="0" style="88" hidden="1" customWidth="1"/>
    <col min="15125" max="15135" width="8.88671875" style="88"/>
    <col min="15136" max="15139" width="0" style="88" hidden="1" customWidth="1"/>
    <col min="15140" max="15147" width="10" style="88" customWidth="1"/>
    <col min="15148" max="15354" width="8.88671875" style="88"/>
    <col min="15355" max="15355" width="7.44140625" style="88" customWidth="1"/>
    <col min="15356" max="15356" width="16" style="88" customWidth="1"/>
    <col min="15357" max="15357" width="12.21875" style="88" customWidth="1"/>
    <col min="15358" max="15358" width="6.109375" style="88" customWidth="1"/>
    <col min="15359" max="15359" width="1.77734375" style="88" customWidth="1"/>
    <col min="15360" max="15360" width="7.21875" style="88" customWidth="1"/>
    <col min="15361" max="15361" width="4.109375" style="88" customWidth="1"/>
    <col min="15362" max="15362" width="5.77734375" style="88" customWidth="1"/>
    <col min="15363" max="15363" width="1.77734375" style="88" customWidth="1"/>
    <col min="15364" max="15364" width="8.88671875" style="88"/>
    <col min="15365" max="15365" width="5" style="88" customWidth="1"/>
    <col min="15366" max="15366" width="1.6640625" style="88" customWidth="1"/>
    <col min="15367" max="15367" width="3.88671875" style="88" customWidth="1"/>
    <col min="15368" max="15368" width="2.109375" style="88" customWidth="1"/>
    <col min="15369" max="15370" width="4" style="88" customWidth="1"/>
    <col min="15371" max="15371" width="13.77734375" style="88" customWidth="1"/>
    <col min="15372" max="15372" width="1.44140625" style="88" customWidth="1"/>
    <col min="15373" max="15373" width="3.44140625" style="88" customWidth="1"/>
    <col min="15374" max="15374" width="1.6640625" style="88" customWidth="1"/>
    <col min="15375" max="15375" width="72.44140625" style="88" customWidth="1"/>
    <col min="15376" max="15376" width="8.33203125" style="88" customWidth="1"/>
    <col min="15377" max="15380" width="0" style="88" hidden="1" customWidth="1"/>
    <col min="15381" max="15391" width="8.88671875" style="88"/>
    <col min="15392" max="15395" width="0" style="88" hidden="1" customWidth="1"/>
    <col min="15396" max="15403" width="10" style="88" customWidth="1"/>
    <col min="15404" max="15610" width="8.88671875" style="88"/>
    <col min="15611" max="15611" width="7.44140625" style="88" customWidth="1"/>
    <col min="15612" max="15612" width="16" style="88" customWidth="1"/>
    <col min="15613" max="15613" width="12.21875" style="88" customWidth="1"/>
    <col min="15614" max="15614" width="6.109375" style="88" customWidth="1"/>
    <col min="15615" max="15615" width="1.77734375" style="88" customWidth="1"/>
    <col min="15616" max="15616" width="7.21875" style="88" customWidth="1"/>
    <col min="15617" max="15617" width="4.109375" style="88" customWidth="1"/>
    <col min="15618" max="15618" width="5.77734375" style="88" customWidth="1"/>
    <col min="15619" max="15619" width="1.77734375" style="88" customWidth="1"/>
    <col min="15620" max="15620" width="8.88671875" style="88"/>
    <col min="15621" max="15621" width="5" style="88" customWidth="1"/>
    <col min="15622" max="15622" width="1.6640625" style="88" customWidth="1"/>
    <col min="15623" max="15623" width="3.88671875" style="88" customWidth="1"/>
    <col min="15624" max="15624" width="2.109375" style="88" customWidth="1"/>
    <col min="15625" max="15626" width="4" style="88" customWidth="1"/>
    <col min="15627" max="15627" width="13.77734375" style="88" customWidth="1"/>
    <col min="15628" max="15628" width="1.44140625" style="88" customWidth="1"/>
    <col min="15629" max="15629" width="3.44140625" style="88" customWidth="1"/>
    <col min="15630" max="15630" width="1.6640625" style="88" customWidth="1"/>
    <col min="15631" max="15631" width="72.44140625" style="88" customWidth="1"/>
    <col min="15632" max="15632" width="8.33203125" style="88" customWidth="1"/>
    <col min="15633" max="15636" width="0" style="88" hidden="1" customWidth="1"/>
    <col min="15637" max="15647" width="8.88671875" style="88"/>
    <col min="15648" max="15651" width="0" style="88" hidden="1" customWidth="1"/>
    <col min="15652" max="15659" width="10" style="88" customWidth="1"/>
    <col min="15660" max="15866" width="8.88671875" style="88"/>
    <col min="15867" max="15867" width="7.44140625" style="88" customWidth="1"/>
    <col min="15868" max="15868" width="16" style="88" customWidth="1"/>
    <col min="15869" max="15869" width="12.21875" style="88" customWidth="1"/>
    <col min="15870" max="15870" width="6.109375" style="88" customWidth="1"/>
    <col min="15871" max="15871" width="1.77734375" style="88" customWidth="1"/>
    <col min="15872" max="15872" width="7.21875" style="88" customWidth="1"/>
    <col min="15873" max="15873" width="4.109375" style="88" customWidth="1"/>
    <col min="15874" max="15874" width="5.77734375" style="88" customWidth="1"/>
    <col min="15875" max="15875" width="1.77734375" style="88" customWidth="1"/>
    <col min="15876" max="15876" width="8.88671875" style="88"/>
    <col min="15877" max="15877" width="5" style="88" customWidth="1"/>
    <col min="15878" max="15878" width="1.6640625" style="88" customWidth="1"/>
    <col min="15879" max="15879" width="3.88671875" style="88" customWidth="1"/>
    <col min="15880" max="15880" width="2.109375" style="88" customWidth="1"/>
    <col min="15881" max="15882" width="4" style="88" customWidth="1"/>
    <col min="15883" max="15883" width="13.77734375" style="88" customWidth="1"/>
    <col min="15884" max="15884" width="1.44140625" style="88" customWidth="1"/>
    <col min="15885" max="15885" width="3.44140625" style="88" customWidth="1"/>
    <col min="15886" max="15886" width="1.6640625" style="88" customWidth="1"/>
    <col min="15887" max="15887" width="72.44140625" style="88" customWidth="1"/>
    <col min="15888" max="15888" width="8.33203125" style="88" customWidth="1"/>
    <col min="15889" max="15892" width="0" style="88" hidden="1" customWidth="1"/>
    <col min="15893" max="15903" width="8.88671875" style="88"/>
    <col min="15904" max="15907" width="0" style="88" hidden="1" customWidth="1"/>
    <col min="15908" max="15915" width="10" style="88" customWidth="1"/>
    <col min="15916" max="16122" width="8.88671875" style="88"/>
    <col min="16123" max="16123" width="7.44140625" style="88" customWidth="1"/>
    <col min="16124" max="16124" width="16" style="88" customWidth="1"/>
    <col min="16125" max="16125" width="12.21875" style="88" customWidth="1"/>
    <col min="16126" max="16126" width="6.109375" style="88" customWidth="1"/>
    <col min="16127" max="16127" width="1.77734375" style="88" customWidth="1"/>
    <col min="16128" max="16128" width="7.21875" style="88" customWidth="1"/>
    <col min="16129" max="16129" width="4.109375" style="88" customWidth="1"/>
    <col min="16130" max="16130" width="5.77734375" style="88" customWidth="1"/>
    <col min="16131" max="16131" width="1.77734375" style="88" customWidth="1"/>
    <col min="16132" max="16132" width="8.88671875" style="88"/>
    <col min="16133" max="16133" width="5" style="88" customWidth="1"/>
    <col min="16134" max="16134" width="1.6640625" style="88" customWidth="1"/>
    <col min="16135" max="16135" width="3.88671875" style="88" customWidth="1"/>
    <col min="16136" max="16136" width="2.109375" style="88" customWidth="1"/>
    <col min="16137" max="16138" width="4" style="88" customWidth="1"/>
    <col min="16139" max="16139" width="13.77734375" style="88" customWidth="1"/>
    <col min="16140" max="16140" width="1.44140625" style="88" customWidth="1"/>
    <col min="16141" max="16141" width="3.44140625" style="88" customWidth="1"/>
    <col min="16142" max="16142" width="1.6640625" style="88" customWidth="1"/>
    <col min="16143" max="16143" width="72.44140625" style="88" customWidth="1"/>
    <col min="16144" max="16144" width="8.33203125" style="88" customWidth="1"/>
    <col min="16145" max="16148" width="0" style="88" hidden="1" customWidth="1"/>
    <col min="16149" max="16159" width="8.88671875" style="88"/>
    <col min="16160" max="16163" width="0" style="88" hidden="1" customWidth="1"/>
    <col min="16164" max="16171" width="10" style="88" customWidth="1"/>
    <col min="16172" max="16378" width="8.88671875" style="88"/>
    <col min="16379" max="16384" width="8.88671875" style="88" customWidth="1"/>
  </cols>
  <sheetData>
    <row r="1" spans="1:21" ht="15" thickBot="1">
      <c r="A1" s="179" t="s">
        <v>171</v>
      </c>
    </row>
    <row r="2" spans="1:21" ht="21">
      <c r="A2" s="373" t="s">
        <v>129</v>
      </c>
      <c r="B2" s="326"/>
      <c r="C2" s="326"/>
      <c r="D2" s="326"/>
      <c r="E2" s="326"/>
      <c r="F2" s="326"/>
      <c r="G2" s="326"/>
      <c r="H2" s="326"/>
      <c r="I2" s="326"/>
      <c r="J2" s="326"/>
      <c r="K2" s="326"/>
      <c r="L2" s="326"/>
      <c r="M2" s="326"/>
      <c r="N2" s="326"/>
      <c r="O2" s="326"/>
      <c r="P2" s="326"/>
      <c r="Q2" s="326"/>
      <c r="R2" s="92"/>
      <c r="S2" s="357" t="s">
        <v>92</v>
      </c>
      <c r="T2" s="358"/>
      <c r="U2" s="359"/>
    </row>
    <row r="3" spans="1:21" ht="21">
      <c r="A3" s="94"/>
      <c r="B3" s="78"/>
      <c r="C3" s="78"/>
      <c r="D3" s="78"/>
      <c r="E3" s="78"/>
      <c r="F3" s="78"/>
      <c r="G3" s="78"/>
      <c r="H3" s="78"/>
      <c r="I3" s="78"/>
      <c r="J3" s="78"/>
      <c r="K3" s="78"/>
      <c r="L3" s="78"/>
      <c r="M3" s="78"/>
      <c r="N3" s="78"/>
      <c r="O3" s="78"/>
      <c r="P3" s="78"/>
      <c r="Q3" s="78"/>
      <c r="R3" s="92"/>
      <c r="S3" s="95"/>
      <c r="T3" s="93"/>
      <c r="U3" s="96"/>
    </row>
    <row r="4" spans="1:21">
      <c r="S4" s="97"/>
      <c r="T4" s="93"/>
      <c r="U4" s="98"/>
    </row>
    <row r="5" spans="1:21">
      <c r="S5" s="97"/>
      <c r="T5" s="93"/>
      <c r="U5" s="98"/>
    </row>
    <row r="6" spans="1:21">
      <c r="O6" s="374" t="s">
        <v>197</v>
      </c>
      <c r="P6" s="360"/>
      <c r="Q6" s="360"/>
      <c r="R6" s="100"/>
      <c r="S6" s="97"/>
      <c r="T6" s="93"/>
      <c r="U6" s="98" t="s">
        <v>107</v>
      </c>
    </row>
    <row r="7" spans="1:21">
      <c r="R7" s="100"/>
      <c r="S7" s="97"/>
      <c r="T7" s="93"/>
      <c r="U7" s="98"/>
    </row>
    <row r="8" spans="1:21">
      <c r="A8" s="88" t="s">
        <v>65</v>
      </c>
      <c r="S8" s="97"/>
      <c r="T8" s="93"/>
      <c r="U8" s="98"/>
    </row>
    <row r="9" spans="1:21">
      <c r="S9" s="97"/>
      <c r="T9" s="93"/>
      <c r="U9" s="98"/>
    </row>
    <row r="10" spans="1:21">
      <c r="A10" s="101"/>
      <c r="B10" s="101"/>
      <c r="S10" s="97"/>
      <c r="T10" s="93"/>
      <c r="U10" s="98"/>
    </row>
    <row r="11" spans="1:21">
      <c r="S11" s="97"/>
      <c r="T11" s="93"/>
      <c r="U11" s="98"/>
    </row>
    <row r="12" spans="1:21" ht="20.25" customHeight="1">
      <c r="B12" s="100" t="s">
        <v>93</v>
      </c>
      <c r="D12" s="370" t="s">
        <v>94</v>
      </c>
      <c r="E12" s="370"/>
      <c r="F12" s="370"/>
      <c r="G12" s="371"/>
      <c r="H12" s="372"/>
      <c r="I12" s="372"/>
      <c r="J12" s="372"/>
      <c r="K12" s="372"/>
      <c r="L12" s="372"/>
      <c r="M12" s="372"/>
      <c r="N12" s="372"/>
      <c r="O12" s="372"/>
      <c r="P12" s="372"/>
      <c r="S12" s="97"/>
      <c r="T12" s="93"/>
      <c r="U12" s="98" t="s">
        <v>95</v>
      </c>
    </row>
    <row r="13" spans="1:21" ht="20.25" customHeight="1">
      <c r="B13" s="100"/>
      <c r="D13" s="370" t="s">
        <v>67</v>
      </c>
      <c r="E13" s="370"/>
      <c r="F13" s="370"/>
      <c r="G13" s="371"/>
      <c r="H13" s="372"/>
      <c r="I13" s="372"/>
      <c r="J13" s="372"/>
      <c r="K13" s="372"/>
      <c r="L13" s="372"/>
      <c r="M13" s="372"/>
      <c r="N13" s="372"/>
      <c r="O13" s="372"/>
      <c r="P13" s="372"/>
      <c r="Q13" s="102"/>
      <c r="S13" s="97"/>
      <c r="T13" s="93"/>
      <c r="U13" s="98" t="s">
        <v>96</v>
      </c>
    </row>
    <row r="14" spans="1:21" ht="20.25" customHeight="1">
      <c r="B14" s="100"/>
      <c r="D14" s="364" t="s">
        <v>97</v>
      </c>
      <c r="E14" s="364"/>
      <c r="F14" s="364"/>
      <c r="G14" s="365"/>
      <c r="H14" s="366"/>
      <c r="I14" s="366"/>
      <c r="J14" s="366"/>
      <c r="K14" s="366"/>
      <c r="L14" s="366"/>
      <c r="M14" s="366"/>
      <c r="N14" s="366"/>
      <c r="O14" s="366"/>
      <c r="P14" s="366"/>
      <c r="S14" s="97"/>
      <c r="T14" s="93"/>
      <c r="U14" s="98" t="s">
        <v>98</v>
      </c>
    </row>
    <row r="15" spans="1:21">
      <c r="S15" s="97"/>
      <c r="T15" s="93"/>
      <c r="U15" s="98"/>
    </row>
    <row r="16" spans="1:21">
      <c r="S16" s="97"/>
      <c r="T16" s="93"/>
      <c r="U16" s="98"/>
    </row>
    <row r="17" spans="1:34">
      <c r="S17" s="97"/>
      <c r="T17" s="93"/>
      <c r="U17" s="98"/>
    </row>
    <row r="18" spans="1:34">
      <c r="S18" s="97"/>
      <c r="T18" s="93"/>
      <c r="U18" s="98"/>
    </row>
    <row r="19" spans="1:34" ht="33.75" customHeight="1">
      <c r="A19" s="367" t="s">
        <v>123</v>
      </c>
      <c r="B19" s="367"/>
      <c r="C19" s="367"/>
      <c r="D19" s="367"/>
      <c r="E19" s="367"/>
      <c r="F19" s="367"/>
      <c r="G19" s="367"/>
      <c r="H19" s="367"/>
      <c r="I19" s="367"/>
      <c r="J19" s="367"/>
      <c r="K19" s="367"/>
      <c r="L19" s="367"/>
      <c r="M19" s="367"/>
      <c r="N19" s="367"/>
      <c r="O19" s="367"/>
      <c r="P19" s="367"/>
      <c r="Q19" s="367"/>
      <c r="S19" s="97"/>
      <c r="T19" s="93"/>
      <c r="U19" s="98"/>
    </row>
    <row r="20" spans="1:34">
      <c r="S20" s="97"/>
      <c r="T20" s="93"/>
      <c r="U20" s="98"/>
      <c r="AF20" s="103"/>
    </row>
    <row r="21" spans="1:34">
      <c r="S21" s="97"/>
      <c r="T21" s="93"/>
      <c r="U21" s="98"/>
      <c r="AF21" s="103"/>
    </row>
    <row r="22" spans="1:34">
      <c r="A22" s="88" t="s">
        <v>124</v>
      </c>
      <c r="C22" s="117" t="str">
        <f>IF(COUNTIF(N24:P27,"○")=0,"",COUNTIF(N24:P27,"○"))</f>
        <v/>
      </c>
      <c r="D22" s="368"/>
      <c r="E22" s="368"/>
      <c r="F22" s="368"/>
      <c r="G22" s="368"/>
      <c r="H22" s="368"/>
      <c r="I22" s="368"/>
      <c r="J22" s="368"/>
      <c r="K22" s="368"/>
      <c r="L22" s="368"/>
      <c r="M22" s="368"/>
      <c r="N22" s="368"/>
      <c r="O22" s="368"/>
      <c r="P22" s="368"/>
      <c r="Q22" s="350"/>
      <c r="S22" s="97"/>
      <c r="T22" s="93"/>
      <c r="U22" s="98"/>
      <c r="AF22" s="103"/>
    </row>
    <row r="23" spans="1:34" ht="23.25" customHeight="1">
      <c r="B23" s="132" t="s">
        <v>151</v>
      </c>
      <c r="C23" s="369" t="s">
        <v>125</v>
      </c>
      <c r="D23" s="348"/>
      <c r="E23" s="348"/>
      <c r="F23" s="348"/>
      <c r="G23" s="348"/>
      <c r="H23" s="348"/>
      <c r="I23" s="348"/>
      <c r="J23" s="348"/>
      <c r="K23" s="348"/>
      <c r="L23" s="348"/>
      <c r="M23" s="348"/>
      <c r="N23" s="348"/>
      <c r="O23" s="348"/>
      <c r="P23" s="349"/>
      <c r="Q23" s="350"/>
      <c r="S23" s="97"/>
      <c r="T23" s="93"/>
      <c r="U23" s="98"/>
    </row>
    <row r="24" spans="1:34" ht="42.75" customHeight="1">
      <c r="A24" s="104"/>
      <c r="B24" s="168"/>
      <c r="C24" s="354"/>
      <c r="D24" s="355"/>
      <c r="E24" s="355"/>
      <c r="F24" s="355"/>
      <c r="G24" s="355"/>
      <c r="H24" s="355"/>
      <c r="I24" s="355"/>
      <c r="J24" s="355"/>
      <c r="K24" s="355"/>
      <c r="L24" s="355"/>
      <c r="M24" s="355"/>
      <c r="N24" s="355"/>
      <c r="O24" s="355"/>
      <c r="P24" s="356"/>
      <c r="Q24" s="350"/>
      <c r="S24" s="105"/>
      <c r="T24" s="93"/>
      <c r="U24" s="98"/>
      <c r="AF24" s="107" t="s">
        <v>126</v>
      </c>
      <c r="AG24" s="108" t="s">
        <v>113</v>
      </c>
      <c r="AH24" s="109" t="str">
        <f>B24&amp;"："&amp;C24&amp;"・"&amp;I24&amp;"・"&amp;K24</f>
        <v>：・・</v>
      </c>
    </row>
    <row r="25" spans="1:34" ht="42.75" customHeight="1">
      <c r="A25" s="110"/>
      <c r="B25" s="157"/>
      <c r="C25" s="341"/>
      <c r="D25" s="342"/>
      <c r="E25" s="342"/>
      <c r="F25" s="342"/>
      <c r="G25" s="342"/>
      <c r="H25" s="342"/>
      <c r="I25" s="342"/>
      <c r="J25" s="342"/>
      <c r="K25" s="342"/>
      <c r="L25" s="342"/>
      <c r="M25" s="342"/>
      <c r="N25" s="342"/>
      <c r="O25" s="342"/>
      <c r="P25" s="343"/>
      <c r="Q25" s="350"/>
      <c r="S25" s="97"/>
      <c r="T25" s="93"/>
      <c r="U25" s="98"/>
      <c r="AF25" s="107" t="s">
        <v>115</v>
      </c>
      <c r="AG25" s="108" t="s">
        <v>116</v>
      </c>
      <c r="AH25" s="109" t="str">
        <f>B25&amp;"："&amp;C25&amp;"・"&amp;I25&amp;"・"&amp;K25</f>
        <v>：・・</v>
      </c>
    </row>
    <row r="26" spans="1:34" ht="42.75" customHeight="1">
      <c r="A26" s="110"/>
      <c r="B26" s="157"/>
      <c r="C26" s="341"/>
      <c r="D26" s="342"/>
      <c r="E26" s="342"/>
      <c r="F26" s="342"/>
      <c r="G26" s="342"/>
      <c r="H26" s="342"/>
      <c r="I26" s="342"/>
      <c r="J26" s="342"/>
      <c r="K26" s="342"/>
      <c r="L26" s="342"/>
      <c r="M26" s="342"/>
      <c r="N26" s="342"/>
      <c r="O26" s="342"/>
      <c r="P26" s="343"/>
      <c r="Q26" s="350"/>
      <c r="S26" s="97"/>
      <c r="T26" s="93"/>
      <c r="U26" s="98"/>
      <c r="AF26" s="107" t="s">
        <v>118</v>
      </c>
      <c r="AG26" s="108" t="s">
        <v>127</v>
      </c>
      <c r="AH26" s="109" t="str">
        <f>B26&amp;"："&amp;C26&amp;"・"&amp;I26&amp;"・"&amp;K26</f>
        <v>：・・</v>
      </c>
    </row>
    <row r="27" spans="1:34" ht="42.75" customHeight="1">
      <c r="A27" s="110"/>
      <c r="B27" s="157"/>
      <c r="C27" s="341"/>
      <c r="D27" s="342"/>
      <c r="E27" s="342"/>
      <c r="F27" s="342"/>
      <c r="G27" s="342"/>
      <c r="H27" s="342"/>
      <c r="I27" s="342"/>
      <c r="J27" s="342"/>
      <c r="K27" s="342"/>
      <c r="L27" s="342"/>
      <c r="M27" s="342"/>
      <c r="N27" s="342"/>
      <c r="O27" s="342"/>
      <c r="P27" s="343"/>
      <c r="Q27" s="350"/>
      <c r="S27" s="97"/>
      <c r="T27" s="93"/>
      <c r="U27" s="98"/>
      <c r="AG27" s="111" t="s">
        <v>128</v>
      </c>
      <c r="AH27" s="109" t="str">
        <f>B27&amp;"："&amp;C27&amp;"・"&amp;I27&amp;"・"&amp;K27</f>
        <v>：・・</v>
      </c>
    </row>
    <row r="28" spans="1:34" ht="6" customHeight="1">
      <c r="K28" s="361"/>
      <c r="L28" s="361"/>
      <c r="M28" s="361"/>
      <c r="N28" s="100"/>
      <c r="S28" s="97"/>
      <c r="T28" s="93"/>
      <c r="U28" s="98"/>
    </row>
    <row r="29" spans="1:34" ht="11.25" customHeight="1">
      <c r="B29" s="118"/>
      <c r="K29" s="361"/>
      <c r="L29" s="361"/>
      <c r="M29" s="361"/>
      <c r="N29" s="100"/>
      <c r="S29" s="97"/>
      <c r="T29" s="93"/>
      <c r="U29" s="98"/>
    </row>
    <row r="30" spans="1:34" s="75" customFormat="1" ht="11.25" customHeight="1">
      <c r="B30" s="119"/>
      <c r="C30" s="119"/>
      <c r="D30" s="119"/>
      <c r="E30" s="119"/>
      <c r="F30" s="119"/>
      <c r="G30" s="119"/>
      <c r="H30" s="119"/>
      <c r="I30" s="119"/>
      <c r="J30" s="119"/>
      <c r="K30" s="119"/>
      <c r="L30" s="119"/>
      <c r="M30" s="119"/>
      <c r="N30" s="119"/>
      <c r="O30" s="119"/>
      <c r="P30" s="119"/>
      <c r="S30" s="79"/>
      <c r="T30" s="76"/>
      <c r="U30" s="106"/>
    </row>
    <row r="31" spans="1:34" ht="11.25" customHeight="1" thickBot="1">
      <c r="N31" s="99"/>
      <c r="S31" s="115"/>
      <c r="T31" s="116"/>
      <c r="U31" s="120"/>
    </row>
    <row r="32" spans="1:34" ht="11.25" customHeight="1"/>
    <row r="33" spans="2:16" ht="11.25" customHeight="1">
      <c r="B33" s="75"/>
      <c r="C33" s="75"/>
      <c r="D33" s="75"/>
      <c r="E33" s="75"/>
      <c r="F33" s="75"/>
      <c r="G33" s="75"/>
      <c r="H33" s="75"/>
      <c r="I33" s="75"/>
      <c r="J33" s="75"/>
      <c r="K33" s="75"/>
      <c r="L33" s="75"/>
      <c r="M33" s="75"/>
      <c r="N33" s="75"/>
      <c r="O33" s="75"/>
      <c r="P33" s="75"/>
    </row>
    <row r="34" spans="2:16" ht="11.25" customHeight="1">
      <c r="J34" s="332" t="s">
        <v>103</v>
      </c>
      <c r="K34" s="332"/>
      <c r="L34" s="332"/>
      <c r="M34" s="332"/>
      <c r="N34" s="332"/>
      <c r="O34" s="332"/>
      <c r="P34" s="332"/>
    </row>
    <row r="35" spans="2:16" ht="11.25" customHeight="1">
      <c r="J35" s="332"/>
      <c r="K35" s="332"/>
      <c r="L35" s="332"/>
      <c r="M35" s="332"/>
      <c r="N35" s="332"/>
      <c r="O35" s="332"/>
      <c r="P35" s="332"/>
    </row>
    <row r="36" spans="2:16" ht="11.25" customHeight="1">
      <c r="J36" s="362"/>
      <c r="K36" s="363"/>
      <c r="L36" s="363"/>
      <c r="M36" s="363"/>
      <c r="N36" s="363"/>
      <c r="O36" s="363"/>
      <c r="P36" s="363"/>
    </row>
    <row r="37" spans="2:16" ht="11.25" customHeight="1">
      <c r="J37" s="363"/>
      <c r="K37" s="363"/>
      <c r="L37" s="363"/>
      <c r="M37" s="363"/>
      <c r="N37" s="363"/>
      <c r="O37" s="363"/>
      <c r="P37" s="363"/>
    </row>
    <row r="38" spans="2:16" ht="11.25" customHeight="1">
      <c r="J38" s="363"/>
      <c r="K38" s="363"/>
      <c r="L38" s="363"/>
      <c r="M38" s="363"/>
      <c r="N38" s="363"/>
      <c r="O38" s="363"/>
      <c r="P38" s="363"/>
    </row>
    <row r="39" spans="2:16" ht="11.25" customHeight="1">
      <c r="J39" s="363"/>
      <c r="K39" s="363"/>
      <c r="L39" s="363"/>
      <c r="M39" s="363"/>
      <c r="N39" s="363"/>
      <c r="O39" s="363"/>
      <c r="P39" s="363"/>
    </row>
    <row r="40" spans="2:16" ht="11.25" customHeight="1">
      <c r="J40" s="363"/>
      <c r="K40" s="363"/>
      <c r="L40" s="363"/>
      <c r="M40" s="363"/>
      <c r="N40" s="363"/>
      <c r="O40" s="363"/>
      <c r="P40" s="363"/>
    </row>
    <row r="41" spans="2:16" ht="11.25" customHeight="1">
      <c r="J41" s="363"/>
      <c r="K41" s="363"/>
      <c r="L41" s="363"/>
      <c r="M41" s="363"/>
      <c r="N41" s="363"/>
      <c r="O41" s="363"/>
      <c r="P41" s="363"/>
    </row>
    <row r="42" spans="2:16" ht="11.25" customHeight="1">
      <c r="J42" s="363"/>
      <c r="K42" s="363"/>
      <c r="L42" s="363"/>
      <c r="M42" s="363"/>
      <c r="N42" s="363"/>
      <c r="O42" s="363"/>
      <c r="P42" s="363"/>
    </row>
    <row r="43" spans="2:16" ht="11.25" customHeight="1"/>
    <row r="44" spans="2:16" ht="11.25" customHeight="1"/>
    <row r="45" spans="2:16" ht="11.25" customHeight="1"/>
    <row r="46" spans="2:16" ht="11.25" customHeight="1"/>
    <row r="47" spans="2:16" ht="11.25" customHeight="1"/>
    <row r="48" spans="2:16" ht="11.25" customHeight="1"/>
    <row r="49" ht="11.25" customHeight="1"/>
  </sheetData>
  <customSheetViews>
    <customSheetView guid="{864473BD-17CB-4242-8B82-DC63A9F91306}" showPageBreaks="1" printArea="1" hiddenColumns="1" view="pageBreakPreview">
      <selection activeCell="A2" sqref="A2:Q2"/>
      <pageMargins left="0.70866141732283472" right="0.70866141732283472" top="0.78740157480314965" bottom="0.74803149606299213" header="0.31496062992125984" footer="0.31496062992125984"/>
      <pageSetup paperSize="9" scale="78" orientation="portrait" r:id="rId1"/>
    </customSheetView>
  </customSheetViews>
  <mergeCells count="21">
    <mergeCell ref="D13:F13"/>
    <mergeCell ref="G13:P13"/>
    <mergeCell ref="A2:Q2"/>
    <mergeCell ref="S2:U2"/>
    <mergeCell ref="O6:Q6"/>
    <mergeCell ref="D12:F12"/>
    <mergeCell ref="G12:P12"/>
    <mergeCell ref="K28:M28"/>
    <mergeCell ref="K29:M29"/>
    <mergeCell ref="J34:P35"/>
    <mergeCell ref="J36:P42"/>
    <mergeCell ref="D14:F14"/>
    <mergeCell ref="G14:P14"/>
    <mergeCell ref="A19:Q19"/>
    <mergeCell ref="D22:P22"/>
    <mergeCell ref="Q22:Q27"/>
    <mergeCell ref="C27:P27"/>
    <mergeCell ref="C23:P23"/>
    <mergeCell ref="C24:P24"/>
    <mergeCell ref="C25:P25"/>
    <mergeCell ref="C26:P26"/>
  </mergeCells>
  <phoneticPr fontId="8"/>
  <dataValidations count="7">
    <dataValidation type="custom" imeMode="halfAlpha" allowBlank="1" showInputMessage="1" showErrorMessage="1" errorTitle="入力内容に誤りがあります" error="半角英数字で入力してください" sqref="WVK983054:WVO983056 WLO983054:WLS983056 WBS983054:WBW983056 VRW983054:VSA983056 VIA983054:VIE983056 UYE983054:UYI983056 UOI983054:UOM983056 UEM983054:UEQ983056 TUQ983054:TUU983056 TKU983054:TKY983056 TAY983054:TBC983056 SRC983054:SRG983056 SHG983054:SHK983056 RXK983054:RXO983056 RNO983054:RNS983056 RDS983054:RDW983056 QTW983054:QUA983056 QKA983054:QKE983056 QAE983054:QAI983056 PQI983054:PQM983056 PGM983054:PGQ983056 OWQ983054:OWU983056 OMU983054:OMY983056 OCY983054:ODC983056 NTC983054:NTG983056 NJG983054:NJK983056 MZK983054:MZO983056 MPO983054:MPS983056 MFS983054:MFW983056 LVW983054:LWA983056 LMA983054:LME983056 LCE983054:LCI983056 KSI983054:KSM983056 KIM983054:KIQ983056 JYQ983054:JYU983056 JOU983054:JOY983056 JEY983054:JFC983056 IVC983054:IVG983056 ILG983054:ILK983056 IBK983054:IBO983056 HRO983054:HRS983056 HHS983054:HHW983056 GXW983054:GYA983056 GOA983054:GOE983056 GEE983054:GEI983056 FUI983054:FUM983056 FKM983054:FKQ983056 FAQ983054:FAU983056 EQU983054:EQY983056 EGY983054:EHC983056 DXC983054:DXG983056 DNG983054:DNK983056 DDK983054:DDO983056 CTO983054:CTS983056 CJS983054:CJW983056 BZW983054:CAA983056 BQA983054:BQE983056 BGE983054:BGI983056 AWI983054:AWM983056 AMM983054:AMQ983056 ACQ983054:ACU983056 SU983054:SY983056 IY983054:JC983056 I983054:M983056 WVK917518:WVO917520 WLO917518:WLS917520 WBS917518:WBW917520 VRW917518:VSA917520 VIA917518:VIE917520 UYE917518:UYI917520 UOI917518:UOM917520 UEM917518:UEQ917520 TUQ917518:TUU917520 TKU917518:TKY917520 TAY917518:TBC917520 SRC917518:SRG917520 SHG917518:SHK917520 RXK917518:RXO917520 RNO917518:RNS917520 RDS917518:RDW917520 QTW917518:QUA917520 QKA917518:QKE917520 QAE917518:QAI917520 PQI917518:PQM917520 PGM917518:PGQ917520 OWQ917518:OWU917520 OMU917518:OMY917520 OCY917518:ODC917520 NTC917518:NTG917520 NJG917518:NJK917520 MZK917518:MZO917520 MPO917518:MPS917520 MFS917518:MFW917520 LVW917518:LWA917520 LMA917518:LME917520 LCE917518:LCI917520 KSI917518:KSM917520 KIM917518:KIQ917520 JYQ917518:JYU917520 JOU917518:JOY917520 JEY917518:JFC917520 IVC917518:IVG917520 ILG917518:ILK917520 IBK917518:IBO917520 HRO917518:HRS917520 HHS917518:HHW917520 GXW917518:GYA917520 GOA917518:GOE917520 GEE917518:GEI917520 FUI917518:FUM917520 FKM917518:FKQ917520 FAQ917518:FAU917520 EQU917518:EQY917520 EGY917518:EHC917520 DXC917518:DXG917520 DNG917518:DNK917520 DDK917518:DDO917520 CTO917518:CTS917520 CJS917518:CJW917520 BZW917518:CAA917520 BQA917518:BQE917520 BGE917518:BGI917520 AWI917518:AWM917520 AMM917518:AMQ917520 ACQ917518:ACU917520 SU917518:SY917520 IY917518:JC917520 I917518:M917520 WVK851982:WVO851984 WLO851982:WLS851984 WBS851982:WBW851984 VRW851982:VSA851984 VIA851982:VIE851984 UYE851982:UYI851984 UOI851982:UOM851984 UEM851982:UEQ851984 TUQ851982:TUU851984 TKU851982:TKY851984 TAY851982:TBC851984 SRC851982:SRG851984 SHG851982:SHK851984 RXK851982:RXO851984 RNO851982:RNS851984 RDS851982:RDW851984 QTW851982:QUA851984 QKA851982:QKE851984 QAE851982:QAI851984 PQI851982:PQM851984 PGM851982:PGQ851984 OWQ851982:OWU851984 OMU851982:OMY851984 OCY851982:ODC851984 NTC851982:NTG851984 NJG851982:NJK851984 MZK851982:MZO851984 MPO851982:MPS851984 MFS851982:MFW851984 LVW851982:LWA851984 LMA851982:LME851984 LCE851982:LCI851984 KSI851982:KSM851984 KIM851982:KIQ851984 JYQ851982:JYU851984 JOU851982:JOY851984 JEY851982:JFC851984 IVC851982:IVG851984 ILG851982:ILK851984 IBK851982:IBO851984 HRO851982:HRS851984 HHS851982:HHW851984 GXW851982:GYA851984 GOA851982:GOE851984 GEE851982:GEI851984 FUI851982:FUM851984 FKM851982:FKQ851984 FAQ851982:FAU851984 EQU851982:EQY851984 EGY851982:EHC851984 DXC851982:DXG851984 DNG851982:DNK851984 DDK851982:DDO851984 CTO851982:CTS851984 CJS851982:CJW851984 BZW851982:CAA851984 BQA851982:BQE851984 BGE851982:BGI851984 AWI851982:AWM851984 AMM851982:AMQ851984 ACQ851982:ACU851984 SU851982:SY851984 IY851982:JC851984 I851982:M851984 WVK786446:WVO786448 WLO786446:WLS786448 WBS786446:WBW786448 VRW786446:VSA786448 VIA786446:VIE786448 UYE786446:UYI786448 UOI786446:UOM786448 UEM786446:UEQ786448 TUQ786446:TUU786448 TKU786446:TKY786448 TAY786446:TBC786448 SRC786446:SRG786448 SHG786446:SHK786448 RXK786446:RXO786448 RNO786446:RNS786448 RDS786446:RDW786448 QTW786446:QUA786448 QKA786446:QKE786448 QAE786446:QAI786448 PQI786446:PQM786448 PGM786446:PGQ786448 OWQ786446:OWU786448 OMU786446:OMY786448 OCY786446:ODC786448 NTC786446:NTG786448 NJG786446:NJK786448 MZK786446:MZO786448 MPO786446:MPS786448 MFS786446:MFW786448 LVW786446:LWA786448 LMA786446:LME786448 LCE786446:LCI786448 KSI786446:KSM786448 KIM786446:KIQ786448 JYQ786446:JYU786448 JOU786446:JOY786448 JEY786446:JFC786448 IVC786446:IVG786448 ILG786446:ILK786448 IBK786446:IBO786448 HRO786446:HRS786448 HHS786446:HHW786448 GXW786446:GYA786448 GOA786446:GOE786448 GEE786446:GEI786448 FUI786446:FUM786448 FKM786446:FKQ786448 FAQ786446:FAU786448 EQU786446:EQY786448 EGY786446:EHC786448 DXC786446:DXG786448 DNG786446:DNK786448 DDK786446:DDO786448 CTO786446:CTS786448 CJS786446:CJW786448 BZW786446:CAA786448 BQA786446:BQE786448 BGE786446:BGI786448 AWI786446:AWM786448 AMM786446:AMQ786448 ACQ786446:ACU786448 SU786446:SY786448 IY786446:JC786448 I786446:M786448 WVK720910:WVO720912 WLO720910:WLS720912 WBS720910:WBW720912 VRW720910:VSA720912 VIA720910:VIE720912 UYE720910:UYI720912 UOI720910:UOM720912 UEM720910:UEQ720912 TUQ720910:TUU720912 TKU720910:TKY720912 TAY720910:TBC720912 SRC720910:SRG720912 SHG720910:SHK720912 RXK720910:RXO720912 RNO720910:RNS720912 RDS720910:RDW720912 QTW720910:QUA720912 QKA720910:QKE720912 QAE720910:QAI720912 PQI720910:PQM720912 PGM720910:PGQ720912 OWQ720910:OWU720912 OMU720910:OMY720912 OCY720910:ODC720912 NTC720910:NTG720912 NJG720910:NJK720912 MZK720910:MZO720912 MPO720910:MPS720912 MFS720910:MFW720912 LVW720910:LWA720912 LMA720910:LME720912 LCE720910:LCI720912 KSI720910:KSM720912 KIM720910:KIQ720912 JYQ720910:JYU720912 JOU720910:JOY720912 JEY720910:JFC720912 IVC720910:IVG720912 ILG720910:ILK720912 IBK720910:IBO720912 HRO720910:HRS720912 HHS720910:HHW720912 GXW720910:GYA720912 GOA720910:GOE720912 GEE720910:GEI720912 FUI720910:FUM720912 FKM720910:FKQ720912 FAQ720910:FAU720912 EQU720910:EQY720912 EGY720910:EHC720912 DXC720910:DXG720912 DNG720910:DNK720912 DDK720910:DDO720912 CTO720910:CTS720912 CJS720910:CJW720912 BZW720910:CAA720912 BQA720910:BQE720912 BGE720910:BGI720912 AWI720910:AWM720912 AMM720910:AMQ720912 ACQ720910:ACU720912 SU720910:SY720912 IY720910:JC720912 I720910:M720912 WVK655374:WVO655376 WLO655374:WLS655376 WBS655374:WBW655376 VRW655374:VSA655376 VIA655374:VIE655376 UYE655374:UYI655376 UOI655374:UOM655376 UEM655374:UEQ655376 TUQ655374:TUU655376 TKU655374:TKY655376 TAY655374:TBC655376 SRC655374:SRG655376 SHG655374:SHK655376 RXK655374:RXO655376 RNO655374:RNS655376 RDS655374:RDW655376 QTW655374:QUA655376 QKA655374:QKE655376 QAE655374:QAI655376 PQI655374:PQM655376 PGM655374:PGQ655376 OWQ655374:OWU655376 OMU655374:OMY655376 OCY655374:ODC655376 NTC655374:NTG655376 NJG655374:NJK655376 MZK655374:MZO655376 MPO655374:MPS655376 MFS655374:MFW655376 LVW655374:LWA655376 LMA655374:LME655376 LCE655374:LCI655376 KSI655374:KSM655376 KIM655374:KIQ655376 JYQ655374:JYU655376 JOU655374:JOY655376 JEY655374:JFC655376 IVC655374:IVG655376 ILG655374:ILK655376 IBK655374:IBO655376 HRO655374:HRS655376 HHS655374:HHW655376 GXW655374:GYA655376 GOA655374:GOE655376 GEE655374:GEI655376 FUI655374:FUM655376 FKM655374:FKQ655376 FAQ655374:FAU655376 EQU655374:EQY655376 EGY655374:EHC655376 DXC655374:DXG655376 DNG655374:DNK655376 DDK655374:DDO655376 CTO655374:CTS655376 CJS655374:CJW655376 BZW655374:CAA655376 BQA655374:BQE655376 BGE655374:BGI655376 AWI655374:AWM655376 AMM655374:AMQ655376 ACQ655374:ACU655376 SU655374:SY655376 IY655374:JC655376 I655374:M655376 WVK589838:WVO589840 WLO589838:WLS589840 WBS589838:WBW589840 VRW589838:VSA589840 VIA589838:VIE589840 UYE589838:UYI589840 UOI589838:UOM589840 UEM589838:UEQ589840 TUQ589838:TUU589840 TKU589838:TKY589840 TAY589838:TBC589840 SRC589838:SRG589840 SHG589838:SHK589840 RXK589838:RXO589840 RNO589838:RNS589840 RDS589838:RDW589840 QTW589838:QUA589840 QKA589838:QKE589840 QAE589838:QAI589840 PQI589838:PQM589840 PGM589838:PGQ589840 OWQ589838:OWU589840 OMU589838:OMY589840 OCY589838:ODC589840 NTC589838:NTG589840 NJG589838:NJK589840 MZK589838:MZO589840 MPO589838:MPS589840 MFS589838:MFW589840 LVW589838:LWA589840 LMA589838:LME589840 LCE589838:LCI589840 KSI589838:KSM589840 KIM589838:KIQ589840 JYQ589838:JYU589840 JOU589838:JOY589840 JEY589838:JFC589840 IVC589838:IVG589840 ILG589838:ILK589840 IBK589838:IBO589840 HRO589838:HRS589840 HHS589838:HHW589840 GXW589838:GYA589840 GOA589838:GOE589840 GEE589838:GEI589840 FUI589838:FUM589840 FKM589838:FKQ589840 FAQ589838:FAU589840 EQU589838:EQY589840 EGY589838:EHC589840 DXC589838:DXG589840 DNG589838:DNK589840 DDK589838:DDO589840 CTO589838:CTS589840 CJS589838:CJW589840 BZW589838:CAA589840 BQA589838:BQE589840 BGE589838:BGI589840 AWI589838:AWM589840 AMM589838:AMQ589840 ACQ589838:ACU589840 SU589838:SY589840 IY589838:JC589840 I589838:M589840 WVK524302:WVO524304 WLO524302:WLS524304 WBS524302:WBW524304 VRW524302:VSA524304 VIA524302:VIE524304 UYE524302:UYI524304 UOI524302:UOM524304 UEM524302:UEQ524304 TUQ524302:TUU524304 TKU524302:TKY524304 TAY524302:TBC524304 SRC524302:SRG524304 SHG524302:SHK524304 RXK524302:RXO524304 RNO524302:RNS524304 RDS524302:RDW524304 QTW524302:QUA524304 QKA524302:QKE524304 QAE524302:QAI524304 PQI524302:PQM524304 PGM524302:PGQ524304 OWQ524302:OWU524304 OMU524302:OMY524304 OCY524302:ODC524304 NTC524302:NTG524304 NJG524302:NJK524304 MZK524302:MZO524304 MPO524302:MPS524304 MFS524302:MFW524304 LVW524302:LWA524304 LMA524302:LME524304 LCE524302:LCI524304 KSI524302:KSM524304 KIM524302:KIQ524304 JYQ524302:JYU524304 JOU524302:JOY524304 JEY524302:JFC524304 IVC524302:IVG524304 ILG524302:ILK524304 IBK524302:IBO524304 HRO524302:HRS524304 HHS524302:HHW524304 GXW524302:GYA524304 GOA524302:GOE524304 GEE524302:GEI524304 FUI524302:FUM524304 FKM524302:FKQ524304 FAQ524302:FAU524304 EQU524302:EQY524304 EGY524302:EHC524304 DXC524302:DXG524304 DNG524302:DNK524304 DDK524302:DDO524304 CTO524302:CTS524304 CJS524302:CJW524304 BZW524302:CAA524304 BQA524302:BQE524304 BGE524302:BGI524304 AWI524302:AWM524304 AMM524302:AMQ524304 ACQ524302:ACU524304 SU524302:SY524304 IY524302:JC524304 I524302:M524304 WVK458766:WVO458768 WLO458766:WLS458768 WBS458766:WBW458768 VRW458766:VSA458768 VIA458766:VIE458768 UYE458766:UYI458768 UOI458766:UOM458768 UEM458766:UEQ458768 TUQ458766:TUU458768 TKU458766:TKY458768 TAY458766:TBC458768 SRC458766:SRG458768 SHG458766:SHK458768 RXK458766:RXO458768 RNO458766:RNS458768 RDS458766:RDW458768 QTW458766:QUA458768 QKA458766:QKE458768 QAE458766:QAI458768 PQI458766:PQM458768 PGM458766:PGQ458768 OWQ458766:OWU458768 OMU458766:OMY458768 OCY458766:ODC458768 NTC458766:NTG458768 NJG458766:NJK458768 MZK458766:MZO458768 MPO458766:MPS458768 MFS458766:MFW458768 LVW458766:LWA458768 LMA458766:LME458768 LCE458766:LCI458768 KSI458766:KSM458768 KIM458766:KIQ458768 JYQ458766:JYU458768 JOU458766:JOY458768 JEY458766:JFC458768 IVC458766:IVG458768 ILG458766:ILK458768 IBK458766:IBO458768 HRO458766:HRS458768 HHS458766:HHW458768 GXW458766:GYA458768 GOA458766:GOE458768 GEE458766:GEI458768 FUI458766:FUM458768 FKM458766:FKQ458768 FAQ458766:FAU458768 EQU458766:EQY458768 EGY458766:EHC458768 DXC458766:DXG458768 DNG458766:DNK458768 DDK458766:DDO458768 CTO458766:CTS458768 CJS458766:CJW458768 BZW458766:CAA458768 BQA458766:BQE458768 BGE458766:BGI458768 AWI458766:AWM458768 AMM458766:AMQ458768 ACQ458766:ACU458768 SU458766:SY458768 IY458766:JC458768 I458766:M458768 WVK393230:WVO393232 WLO393230:WLS393232 WBS393230:WBW393232 VRW393230:VSA393232 VIA393230:VIE393232 UYE393230:UYI393232 UOI393230:UOM393232 UEM393230:UEQ393232 TUQ393230:TUU393232 TKU393230:TKY393232 TAY393230:TBC393232 SRC393230:SRG393232 SHG393230:SHK393232 RXK393230:RXO393232 RNO393230:RNS393232 RDS393230:RDW393232 QTW393230:QUA393232 QKA393230:QKE393232 QAE393230:QAI393232 PQI393230:PQM393232 PGM393230:PGQ393232 OWQ393230:OWU393232 OMU393230:OMY393232 OCY393230:ODC393232 NTC393230:NTG393232 NJG393230:NJK393232 MZK393230:MZO393232 MPO393230:MPS393232 MFS393230:MFW393232 LVW393230:LWA393232 LMA393230:LME393232 LCE393230:LCI393232 KSI393230:KSM393232 KIM393230:KIQ393232 JYQ393230:JYU393232 JOU393230:JOY393232 JEY393230:JFC393232 IVC393230:IVG393232 ILG393230:ILK393232 IBK393230:IBO393232 HRO393230:HRS393232 HHS393230:HHW393232 GXW393230:GYA393232 GOA393230:GOE393232 GEE393230:GEI393232 FUI393230:FUM393232 FKM393230:FKQ393232 FAQ393230:FAU393232 EQU393230:EQY393232 EGY393230:EHC393232 DXC393230:DXG393232 DNG393230:DNK393232 DDK393230:DDO393232 CTO393230:CTS393232 CJS393230:CJW393232 BZW393230:CAA393232 BQA393230:BQE393232 BGE393230:BGI393232 AWI393230:AWM393232 AMM393230:AMQ393232 ACQ393230:ACU393232 SU393230:SY393232 IY393230:JC393232 I393230:M393232 WVK327694:WVO327696 WLO327694:WLS327696 WBS327694:WBW327696 VRW327694:VSA327696 VIA327694:VIE327696 UYE327694:UYI327696 UOI327694:UOM327696 UEM327694:UEQ327696 TUQ327694:TUU327696 TKU327694:TKY327696 TAY327694:TBC327696 SRC327694:SRG327696 SHG327694:SHK327696 RXK327694:RXO327696 RNO327694:RNS327696 RDS327694:RDW327696 QTW327694:QUA327696 QKA327694:QKE327696 QAE327694:QAI327696 PQI327694:PQM327696 PGM327694:PGQ327696 OWQ327694:OWU327696 OMU327694:OMY327696 OCY327694:ODC327696 NTC327694:NTG327696 NJG327694:NJK327696 MZK327694:MZO327696 MPO327694:MPS327696 MFS327694:MFW327696 LVW327694:LWA327696 LMA327694:LME327696 LCE327694:LCI327696 KSI327694:KSM327696 KIM327694:KIQ327696 JYQ327694:JYU327696 JOU327694:JOY327696 JEY327694:JFC327696 IVC327694:IVG327696 ILG327694:ILK327696 IBK327694:IBO327696 HRO327694:HRS327696 HHS327694:HHW327696 GXW327694:GYA327696 GOA327694:GOE327696 GEE327694:GEI327696 FUI327694:FUM327696 FKM327694:FKQ327696 FAQ327694:FAU327696 EQU327694:EQY327696 EGY327694:EHC327696 DXC327694:DXG327696 DNG327694:DNK327696 DDK327694:DDO327696 CTO327694:CTS327696 CJS327694:CJW327696 BZW327694:CAA327696 BQA327694:BQE327696 BGE327694:BGI327696 AWI327694:AWM327696 AMM327694:AMQ327696 ACQ327694:ACU327696 SU327694:SY327696 IY327694:JC327696 I327694:M327696 WVK262158:WVO262160 WLO262158:WLS262160 WBS262158:WBW262160 VRW262158:VSA262160 VIA262158:VIE262160 UYE262158:UYI262160 UOI262158:UOM262160 UEM262158:UEQ262160 TUQ262158:TUU262160 TKU262158:TKY262160 TAY262158:TBC262160 SRC262158:SRG262160 SHG262158:SHK262160 RXK262158:RXO262160 RNO262158:RNS262160 RDS262158:RDW262160 QTW262158:QUA262160 QKA262158:QKE262160 QAE262158:QAI262160 PQI262158:PQM262160 PGM262158:PGQ262160 OWQ262158:OWU262160 OMU262158:OMY262160 OCY262158:ODC262160 NTC262158:NTG262160 NJG262158:NJK262160 MZK262158:MZO262160 MPO262158:MPS262160 MFS262158:MFW262160 LVW262158:LWA262160 LMA262158:LME262160 LCE262158:LCI262160 KSI262158:KSM262160 KIM262158:KIQ262160 JYQ262158:JYU262160 JOU262158:JOY262160 JEY262158:JFC262160 IVC262158:IVG262160 ILG262158:ILK262160 IBK262158:IBO262160 HRO262158:HRS262160 HHS262158:HHW262160 GXW262158:GYA262160 GOA262158:GOE262160 GEE262158:GEI262160 FUI262158:FUM262160 FKM262158:FKQ262160 FAQ262158:FAU262160 EQU262158:EQY262160 EGY262158:EHC262160 DXC262158:DXG262160 DNG262158:DNK262160 DDK262158:DDO262160 CTO262158:CTS262160 CJS262158:CJW262160 BZW262158:CAA262160 BQA262158:BQE262160 BGE262158:BGI262160 AWI262158:AWM262160 AMM262158:AMQ262160 ACQ262158:ACU262160 SU262158:SY262160 IY262158:JC262160 I262158:M262160 WVK196622:WVO196624 WLO196622:WLS196624 WBS196622:WBW196624 VRW196622:VSA196624 VIA196622:VIE196624 UYE196622:UYI196624 UOI196622:UOM196624 UEM196622:UEQ196624 TUQ196622:TUU196624 TKU196622:TKY196624 TAY196622:TBC196624 SRC196622:SRG196624 SHG196622:SHK196624 RXK196622:RXO196624 RNO196622:RNS196624 RDS196622:RDW196624 QTW196622:QUA196624 QKA196622:QKE196624 QAE196622:QAI196624 PQI196622:PQM196624 PGM196622:PGQ196624 OWQ196622:OWU196624 OMU196622:OMY196624 OCY196622:ODC196624 NTC196622:NTG196624 NJG196622:NJK196624 MZK196622:MZO196624 MPO196622:MPS196624 MFS196622:MFW196624 LVW196622:LWA196624 LMA196622:LME196624 LCE196622:LCI196624 KSI196622:KSM196624 KIM196622:KIQ196624 JYQ196622:JYU196624 JOU196622:JOY196624 JEY196622:JFC196624 IVC196622:IVG196624 ILG196622:ILK196624 IBK196622:IBO196624 HRO196622:HRS196624 HHS196622:HHW196624 GXW196622:GYA196624 GOA196622:GOE196624 GEE196622:GEI196624 FUI196622:FUM196624 FKM196622:FKQ196624 FAQ196622:FAU196624 EQU196622:EQY196624 EGY196622:EHC196624 DXC196622:DXG196624 DNG196622:DNK196624 DDK196622:DDO196624 CTO196622:CTS196624 CJS196622:CJW196624 BZW196622:CAA196624 BQA196622:BQE196624 BGE196622:BGI196624 AWI196622:AWM196624 AMM196622:AMQ196624 ACQ196622:ACU196624 SU196622:SY196624 IY196622:JC196624 I196622:M196624 WVK131086:WVO131088 WLO131086:WLS131088 WBS131086:WBW131088 VRW131086:VSA131088 VIA131086:VIE131088 UYE131086:UYI131088 UOI131086:UOM131088 UEM131086:UEQ131088 TUQ131086:TUU131088 TKU131086:TKY131088 TAY131086:TBC131088 SRC131086:SRG131088 SHG131086:SHK131088 RXK131086:RXO131088 RNO131086:RNS131088 RDS131086:RDW131088 QTW131086:QUA131088 QKA131086:QKE131088 QAE131086:QAI131088 PQI131086:PQM131088 PGM131086:PGQ131088 OWQ131086:OWU131088 OMU131086:OMY131088 OCY131086:ODC131088 NTC131086:NTG131088 NJG131086:NJK131088 MZK131086:MZO131088 MPO131086:MPS131088 MFS131086:MFW131088 LVW131086:LWA131088 LMA131086:LME131088 LCE131086:LCI131088 KSI131086:KSM131088 KIM131086:KIQ131088 JYQ131086:JYU131088 JOU131086:JOY131088 JEY131086:JFC131088 IVC131086:IVG131088 ILG131086:ILK131088 IBK131086:IBO131088 HRO131086:HRS131088 HHS131086:HHW131088 GXW131086:GYA131088 GOA131086:GOE131088 GEE131086:GEI131088 FUI131086:FUM131088 FKM131086:FKQ131088 FAQ131086:FAU131088 EQU131086:EQY131088 EGY131086:EHC131088 DXC131086:DXG131088 DNG131086:DNK131088 DDK131086:DDO131088 CTO131086:CTS131088 CJS131086:CJW131088 BZW131086:CAA131088 BQA131086:BQE131088 BGE131086:BGI131088 AWI131086:AWM131088 AMM131086:AMQ131088 ACQ131086:ACU131088 SU131086:SY131088 IY131086:JC131088 I131086:M131088 WVK65550:WVO65552 WLO65550:WLS65552 WBS65550:WBW65552 VRW65550:VSA65552 VIA65550:VIE65552 UYE65550:UYI65552 UOI65550:UOM65552 UEM65550:UEQ65552 TUQ65550:TUU65552 TKU65550:TKY65552 TAY65550:TBC65552 SRC65550:SRG65552 SHG65550:SHK65552 RXK65550:RXO65552 RNO65550:RNS65552 RDS65550:RDW65552 QTW65550:QUA65552 QKA65550:QKE65552 QAE65550:QAI65552 PQI65550:PQM65552 PGM65550:PGQ65552 OWQ65550:OWU65552 OMU65550:OMY65552 OCY65550:ODC65552 NTC65550:NTG65552 NJG65550:NJK65552 MZK65550:MZO65552 MPO65550:MPS65552 MFS65550:MFW65552 LVW65550:LWA65552 LMA65550:LME65552 LCE65550:LCI65552 KSI65550:KSM65552 KIM65550:KIQ65552 JYQ65550:JYU65552 JOU65550:JOY65552 JEY65550:JFC65552 IVC65550:IVG65552 ILG65550:ILK65552 IBK65550:IBO65552 HRO65550:HRS65552 HHS65550:HHW65552 GXW65550:GYA65552 GOA65550:GOE65552 GEE65550:GEI65552 FUI65550:FUM65552 FKM65550:FKQ65552 FAQ65550:FAU65552 EQU65550:EQY65552 EGY65550:EHC65552 DXC65550:DXG65552 DNG65550:DNK65552 DDK65550:DDO65552 CTO65550:CTS65552 CJS65550:CJW65552 BZW65550:CAA65552 BQA65550:BQE65552 BGE65550:BGI65552 AWI65550:AWM65552 AMM65550:AMQ65552 ACQ65550:ACU65552 SU65550:SY65552 IY65550:JC65552 I65550:M65552 WVK983049:WVK983051 WLO983049:WLO983051 WBS983049:WBS983051 VRW983049:VRW983051 VIA983049:VIA983051 UYE983049:UYE983051 UOI983049:UOI983051 UEM983049:UEM983051 TUQ983049:TUQ983051 TKU983049:TKU983051 TAY983049:TAY983051 SRC983049:SRC983051 SHG983049:SHG983051 RXK983049:RXK983051 RNO983049:RNO983051 RDS983049:RDS983051 QTW983049:QTW983051 QKA983049:QKA983051 QAE983049:QAE983051 PQI983049:PQI983051 PGM983049:PGM983051 OWQ983049:OWQ983051 OMU983049:OMU983051 OCY983049:OCY983051 NTC983049:NTC983051 NJG983049:NJG983051 MZK983049:MZK983051 MPO983049:MPO983051 MFS983049:MFS983051 LVW983049:LVW983051 LMA983049:LMA983051 LCE983049:LCE983051 KSI983049:KSI983051 KIM983049:KIM983051 JYQ983049:JYQ983051 JOU983049:JOU983051 JEY983049:JEY983051 IVC983049:IVC983051 ILG983049:ILG983051 IBK983049:IBK983051 HRO983049:HRO983051 HHS983049:HHS983051 GXW983049:GXW983051 GOA983049:GOA983051 GEE983049:GEE983051 FUI983049:FUI983051 FKM983049:FKM983051 FAQ983049:FAQ983051 EQU983049:EQU983051 EGY983049:EGY983051 DXC983049:DXC983051 DNG983049:DNG983051 DDK983049:DDK983051 CTO983049:CTO983051 CJS983049:CJS983051 BZW983049:BZW983051 BQA983049:BQA983051 BGE983049:BGE983051 AWI983049:AWI983051 AMM983049:AMM983051 ACQ983049:ACQ983051 SU983049:SU983051 IY983049:IY983051 I983049:I983051 WVK917513:WVK917515 WLO917513:WLO917515 WBS917513:WBS917515 VRW917513:VRW917515 VIA917513:VIA917515 UYE917513:UYE917515 UOI917513:UOI917515 UEM917513:UEM917515 TUQ917513:TUQ917515 TKU917513:TKU917515 TAY917513:TAY917515 SRC917513:SRC917515 SHG917513:SHG917515 RXK917513:RXK917515 RNO917513:RNO917515 RDS917513:RDS917515 QTW917513:QTW917515 QKA917513:QKA917515 QAE917513:QAE917515 PQI917513:PQI917515 PGM917513:PGM917515 OWQ917513:OWQ917515 OMU917513:OMU917515 OCY917513:OCY917515 NTC917513:NTC917515 NJG917513:NJG917515 MZK917513:MZK917515 MPO917513:MPO917515 MFS917513:MFS917515 LVW917513:LVW917515 LMA917513:LMA917515 LCE917513:LCE917515 KSI917513:KSI917515 KIM917513:KIM917515 JYQ917513:JYQ917515 JOU917513:JOU917515 JEY917513:JEY917515 IVC917513:IVC917515 ILG917513:ILG917515 IBK917513:IBK917515 HRO917513:HRO917515 HHS917513:HHS917515 GXW917513:GXW917515 GOA917513:GOA917515 GEE917513:GEE917515 FUI917513:FUI917515 FKM917513:FKM917515 FAQ917513:FAQ917515 EQU917513:EQU917515 EGY917513:EGY917515 DXC917513:DXC917515 DNG917513:DNG917515 DDK917513:DDK917515 CTO917513:CTO917515 CJS917513:CJS917515 BZW917513:BZW917515 BQA917513:BQA917515 BGE917513:BGE917515 AWI917513:AWI917515 AMM917513:AMM917515 ACQ917513:ACQ917515 SU917513:SU917515 IY917513:IY917515 I917513:I917515 WVK851977:WVK851979 WLO851977:WLO851979 WBS851977:WBS851979 VRW851977:VRW851979 VIA851977:VIA851979 UYE851977:UYE851979 UOI851977:UOI851979 UEM851977:UEM851979 TUQ851977:TUQ851979 TKU851977:TKU851979 TAY851977:TAY851979 SRC851977:SRC851979 SHG851977:SHG851979 RXK851977:RXK851979 RNO851977:RNO851979 RDS851977:RDS851979 QTW851977:QTW851979 QKA851977:QKA851979 QAE851977:QAE851979 PQI851977:PQI851979 PGM851977:PGM851979 OWQ851977:OWQ851979 OMU851977:OMU851979 OCY851977:OCY851979 NTC851977:NTC851979 NJG851977:NJG851979 MZK851977:MZK851979 MPO851977:MPO851979 MFS851977:MFS851979 LVW851977:LVW851979 LMA851977:LMA851979 LCE851977:LCE851979 KSI851977:KSI851979 KIM851977:KIM851979 JYQ851977:JYQ851979 JOU851977:JOU851979 JEY851977:JEY851979 IVC851977:IVC851979 ILG851977:ILG851979 IBK851977:IBK851979 HRO851977:HRO851979 HHS851977:HHS851979 GXW851977:GXW851979 GOA851977:GOA851979 GEE851977:GEE851979 FUI851977:FUI851979 FKM851977:FKM851979 FAQ851977:FAQ851979 EQU851977:EQU851979 EGY851977:EGY851979 DXC851977:DXC851979 DNG851977:DNG851979 DDK851977:DDK851979 CTO851977:CTO851979 CJS851977:CJS851979 BZW851977:BZW851979 BQA851977:BQA851979 BGE851977:BGE851979 AWI851977:AWI851979 AMM851977:AMM851979 ACQ851977:ACQ851979 SU851977:SU851979 IY851977:IY851979 I851977:I851979 WVK786441:WVK786443 WLO786441:WLO786443 WBS786441:WBS786443 VRW786441:VRW786443 VIA786441:VIA786443 UYE786441:UYE786443 UOI786441:UOI786443 UEM786441:UEM786443 TUQ786441:TUQ786443 TKU786441:TKU786443 TAY786441:TAY786443 SRC786441:SRC786443 SHG786441:SHG786443 RXK786441:RXK786443 RNO786441:RNO786443 RDS786441:RDS786443 QTW786441:QTW786443 QKA786441:QKA786443 QAE786441:QAE786443 PQI786441:PQI786443 PGM786441:PGM786443 OWQ786441:OWQ786443 OMU786441:OMU786443 OCY786441:OCY786443 NTC786441:NTC786443 NJG786441:NJG786443 MZK786441:MZK786443 MPO786441:MPO786443 MFS786441:MFS786443 LVW786441:LVW786443 LMA786441:LMA786443 LCE786441:LCE786443 KSI786441:KSI786443 KIM786441:KIM786443 JYQ786441:JYQ786443 JOU786441:JOU786443 JEY786441:JEY786443 IVC786441:IVC786443 ILG786441:ILG786443 IBK786441:IBK786443 HRO786441:HRO786443 HHS786441:HHS786443 GXW786441:GXW786443 GOA786441:GOA786443 GEE786441:GEE786443 FUI786441:FUI786443 FKM786441:FKM786443 FAQ786441:FAQ786443 EQU786441:EQU786443 EGY786441:EGY786443 DXC786441:DXC786443 DNG786441:DNG786443 DDK786441:DDK786443 CTO786441:CTO786443 CJS786441:CJS786443 BZW786441:BZW786443 BQA786441:BQA786443 BGE786441:BGE786443 AWI786441:AWI786443 AMM786441:AMM786443 ACQ786441:ACQ786443 SU786441:SU786443 IY786441:IY786443 I786441:I786443 WVK720905:WVK720907 WLO720905:WLO720907 WBS720905:WBS720907 VRW720905:VRW720907 VIA720905:VIA720907 UYE720905:UYE720907 UOI720905:UOI720907 UEM720905:UEM720907 TUQ720905:TUQ720907 TKU720905:TKU720907 TAY720905:TAY720907 SRC720905:SRC720907 SHG720905:SHG720907 RXK720905:RXK720907 RNO720905:RNO720907 RDS720905:RDS720907 QTW720905:QTW720907 QKA720905:QKA720907 QAE720905:QAE720907 PQI720905:PQI720907 PGM720905:PGM720907 OWQ720905:OWQ720907 OMU720905:OMU720907 OCY720905:OCY720907 NTC720905:NTC720907 NJG720905:NJG720907 MZK720905:MZK720907 MPO720905:MPO720907 MFS720905:MFS720907 LVW720905:LVW720907 LMA720905:LMA720907 LCE720905:LCE720907 KSI720905:KSI720907 KIM720905:KIM720907 JYQ720905:JYQ720907 JOU720905:JOU720907 JEY720905:JEY720907 IVC720905:IVC720907 ILG720905:ILG720907 IBK720905:IBK720907 HRO720905:HRO720907 HHS720905:HHS720907 GXW720905:GXW720907 GOA720905:GOA720907 GEE720905:GEE720907 FUI720905:FUI720907 FKM720905:FKM720907 FAQ720905:FAQ720907 EQU720905:EQU720907 EGY720905:EGY720907 DXC720905:DXC720907 DNG720905:DNG720907 DDK720905:DDK720907 CTO720905:CTO720907 CJS720905:CJS720907 BZW720905:BZW720907 BQA720905:BQA720907 BGE720905:BGE720907 AWI720905:AWI720907 AMM720905:AMM720907 ACQ720905:ACQ720907 SU720905:SU720907 IY720905:IY720907 I720905:I720907 WVK655369:WVK655371 WLO655369:WLO655371 WBS655369:WBS655371 VRW655369:VRW655371 VIA655369:VIA655371 UYE655369:UYE655371 UOI655369:UOI655371 UEM655369:UEM655371 TUQ655369:TUQ655371 TKU655369:TKU655371 TAY655369:TAY655371 SRC655369:SRC655371 SHG655369:SHG655371 RXK655369:RXK655371 RNO655369:RNO655371 RDS655369:RDS655371 QTW655369:QTW655371 QKA655369:QKA655371 QAE655369:QAE655371 PQI655369:PQI655371 PGM655369:PGM655371 OWQ655369:OWQ655371 OMU655369:OMU655371 OCY655369:OCY655371 NTC655369:NTC655371 NJG655369:NJG655371 MZK655369:MZK655371 MPO655369:MPO655371 MFS655369:MFS655371 LVW655369:LVW655371 LMA655369:LMA655371 LCE655369:LCE655371 KSI655369:KSI655371 KIM655369:KIM655371 JYQ655369:JYQ655371 JOU655369:JOU655371 JEY655369:JEY655371 IVC655369:IVC655371 ILG655369:ILG655371 IBK655369:IBK655371 HRO655369:HRO655371 HHS655369:HHS655371 GXW655369:GXW655371 GOA655369:GOA655371 GEE655369:GEE655371 FUI655369:FUI655371 FKM655369:FKM655371 FAQ655369:FAQ655371 EQU655369:EQU655371 EGY655369:EGY655371 DXC655369:DXC655371 DNG655369:DNG655371 DDK655369:DDK655371 CTO655369:CTO655371 CJS655369:CJS655371 BZW655369:BZW655371 BQA655369:BQA655371 BGE655369:BGE655371 AWI655369:AWI655371 AMM655369:AMM655371 ACQ655369:ACQ655371 SU655369:SU655371 IY655369:IY655371 I655369:I655371 WVK589833:WVK589835 WLO589833:WLO589835 WBS589833:WBS589835 VRW589833:VRW589835 VIA589833:VIA589835 UYE589833:UYE589835 UOI589833:UOI589835 UEM589833:UEM589835 TUQ589833:TUQ589835 TKU589833:TKU589835 TAY589833:TAY589835 SRC589833:SRC589835 SHG589833:SHG589835 RXK589833:RXK589835 RNO589833:RNO589835 RDS589833:RDS589835 QTW589833:QTW589835 QKA589833:QKA589835 QAE589833:QAE589835 PQI589833:PQI589835 PGM589833:PGM589835 OWQ589833:OWQ589835 OMU589833:OMU589835 OCY589833:OCY589835 NTC589833:NTC589835 NJG589833:NJG589835 MZK589833:MZK589835 MPO589833:MPO589835 MFS589833:MFS589835 LVW589833:LVW589835 LMA589833:LMA589835 LCE589833:LCE589835 KSI589833:KSI589835 KIM589833:KIM589835 JYQ589833:JYQ589835 JOU589833:JOU589835 JEY589833:JEY589835 IVC589833:IVC589835 ILG589833:ILG589835 IBK589833:IBK589835 HRO589833:HRO589835 HHS589833:HHS589835 GXW589833:GXW589835 GOA589833:GOA589835 GEE589833:GEE589835 FUI589833:FUI589835 FKM589833:FKM589835 FAQ589833:FAQ589835 EQU589833:EQU589835 EGY589833:EGY589835 DXC589833:DXC589835 DNG589833:DNG589835 DDK589833:DDK589835 CTO589833:CTO589835 CJS589833:CJS589835 BZW589833:BZW589835 BQA589833:BQA589835 BGE589833:BGE589835 AWI589833:AWI589835 AMM589833:AMM589835 ACQ589833:ACQ589835 SU589833:SU589835 IY589833:IY589835 I589833:I589835 WVK524297:WVK524299 WLO524297:WLO524299 WBS524297:WBS524299 VRW524297:VRW524299 VIA524297:VIA524299 UYE524297:UYE524299 UOI524297:UOI524299 UEM524297:UEM524299 TUQ524297:TUQ524299 TKU524297:TKU524299 TAY524297:TAY524299 SRC524297:SRC524299 SHG524297:SHG524299 RXK524297:RXK524299 RNO524297:RNO524299 RDS524297:RDS524299 QTW524297:QTW524299 QKA524297:QKA524299 QAE524297:QAE524299 PQI524297:PQI524299 PGM524297:PGM524299 OWQ524297:OWQ524299 OMU524297:OMU524299 OCY524297:OCY524299 NTC524297:NTC524299 NJG524297:NJG524299 MZK524297:MZK524299 MPO524297:MPO524299 MFS524297:MFS524299 LVW524297:LVW524299 LMA524297:LMA524299 LCE524297:LCE524299 KSI524297:KSI524299 KIM524297:KIM524299 JYQ524297:JYQ524299 JOU524297:JOU524299 JEY524297:JEY524299 IVC524297:IVC524299 ILG524297:ILG524299 IBK524297:IBK524299 HRO524297:HRO524299 HHS524297:HHS524299 GXW524297:GXW524299 GOA524297:GOA524299 GEE524297:GEE524299 FUI524297:FUI524299 FKM524297:FKM524299 FAQ524297:FAQ524299 EQU524297:EQU524299 EGY524297:EGY524299 DXC524297:DXC524299 DNG524297:DNG524299 DDK524297:DDK524299 CTO524297:CTO524299 CJS524297:CJS524299 BZW524297:BZW524299 BQA524297:BQA524299 BGE524297:BGE524299 AWI524297:AWI524299 AMM524297:AMM524299 ACQ524297:ACQ524299 SU524297:SU524299 IY524297:IY524299 I524297:I524299 WVK458761:WVK458763 WLO458761:WLO458763 WBS458761:WBS458763 VRW458761:VRW458763 VIA458761:VIA458763 UYE458761:UYE458763 UOI458761:UOI458763 UEM458761:UEM458763 TUQ458761:TUQ458763 TKU458761:TKU458763 TAY458761:TAY458763 SRC458761:SRC458763 SHG458761:SHG458763 RXK458761:RXK458763 RNO458761:RNO458763 RDS458761:RDS458763 QTW458761:QTW458763 QKA458761:QKA458763 QAE458761:QAE458763 PQI458761:PQI458763 PGM458761:PGM458763 OWQ458761:OWQ458763 OMU458761:OMU458763 OCY458761:OCY458763 NTC458761:NTC458763 NJG458761:NJG458763 MZK458761:MZK458763 MPO458761:MPO458763 MFS458761:MFS458763 LVW458761:LVW458763 LMA458761:LMA458763 LCE458761:LCE458763 KSI458761:KSI458763 KIM458761:KIM458763 JYQ458761:JYQ458763 JOU458761:JOU458763 JEY458761:JEY458763 IVC458761:IVC458763 ILG458761:ILG458763 IBK458761:IBK458763 HRO458761:HRO458763 HHS458761:HHS458763 GXW458761:GXW458763 GOA458761:GOA458763 GEE458761:GEE458763 FUI458761:FUI458763 FKM458761:FKM458763 FAQ458761:FAQ458763 EQU458761:EQU458763 EGY458761:EGY458763 DXC458761:DXC458763 DNG458761:DNG458763 DDK458761:DDK458763 CTO458761:CTO458763 CJS458761:CJS458763 BZW458761:BZW458763 BQA458761:BQA458763 BGE458761:BGE458763 AWI458761:AWI458763 AMM458761:AMM458763 ACQ458761:ACQ458763 SU458761:SU458763 IY458761:IY458763 I458761:I458763 WVK393225:WVK393227 WLO393225:WLO393227 WBS393225:WBS393227 VRW393225:VRW393227 VIA393225:VIA393227 UYE393225:UYE393227 UOI393225:UOI393227 UEM393225:UEM393227 TUQ393225:TUQ393227 TKU393225:TKU393227 TAY393225:TAY393227 SRC393225:SRC393227 SHG393225:SHG393227 RXK393225:RXK393227 RNO393225:RNO393227 RDS393225:RDS393227 QTW393225:QTW393227 QKA393225:QKA393227 QAE393225:QAE393227 PQI393225:PQI393227 PGM393225:PGM393227 OWQ393225:OWQ393227 OMU393225:OMU393227 OCY393225:OCY393227 NTC393225:NTC393227 NJG393225:NJG393227 MZK393225:MZK393227 MPO393225:MPO393227 MFS393225:MFS393227 LVW393225:LVW393227 LMA393225:LMA393227 LCE393225:LCE393227 KSI393225:KSI393227 KIM393225:KIM393227 JYQ393225:JYQ393227 JOU393225:JOU393227 JEY393225:JEY393227 IVC393225:IVC393227 ILG393225:ILG393227 IBK393225:IBK393227 HRO393225:HRO393227 HHS393225:HHS393227 GXW393225:GXW393227 GOA393225:GOA393227 GEE393225:GEE393227 FUI393225:FUI393227 FKM393225:FKM393227 FAQ393225:FAQ393227 EQU393225:EQU393227 EGY393225:EGY393227 DXC393225:DXC393227 DNG393225:DNG393227 DDK393225:DDK393227 CTO393225:CTO393227 CJS393225:CJS393227 BZW393225:BZW393227 BQA393225:BQA393227 BGE393225:BGE393227 AWI393225:AWI393227 AMM393225:AMM393227 ACQ393225:ACQ393227 SU393225:SU393227 IY393225:IY393227 I393225:I393227 WVK327689:WVK327691 WLO327689:WLO327691 WBS327689:WBS327691 VRW327689:VRW327691 VIA327689:VIA327691 UYE327689:UYE327691 UOI327689:UOI327691 UEM327689:UEM327691 TUQ327689:TUQ327691 TKU327689:TKU327691 TAY327689:TAY327691 SRC327689:SRC327691 SHG327689:SHG327691 RXK327689:RXK327691 RNO327689:RNO327691 RDS327689:RDS327691 QTW327689:QTW327691 QKA327689:QKA327691 QAE327689:QAE327691 PQI327689:PQI327691 PGM327689:PGM327691 OWQ327689:OWQ327691 OMU327689:OMU327691 OCY327689:OCY327691 NTC327689:NTC327691 NJG327689:NJG327691 MZK327689:MZK327691 MPO327689:MPO327691 MFS327689:MFS327691 LVW327689:LVW327691 LMA327689:LMA327691 LCE327689:LCE327691 KSI327689:KSI327691 KIM327689:KIM327691 JYQ327689:JYQ327691 JOU327689:JOU327691 JEY327689:JEY327691 IVC327689:IVC327691 ILG327689:ILG327691 IBK327689:IBK327691 HRO327689:HRO327691 HHS327689:HHS327691 GXW327689:GXW327691 GOA327689:GOA327691 GEE327689:GEE327691 FUI327689:FUI327691 FKM327689:FKM327691 FAQ327689:FAQ327691 EQU327689:EQU327691 EGY327689:EGY327691 DXC327689:DXC327691 DNG327689:DNG327691 DDK327689:DDK327691 CTO327689:CTO327691 CJS327689:CJS327691 BZW327689:BZW327691 BQA327689:BQA327691 BGE327689:BGE327691 AWI327689:AWI327691 AMM327689:AMM327691 ACQ327689:ACQ327691 SU327689:SU327691 IY327689:IY327691 I327689:I327691 WVK262153:WVK262155 WLO262153:WLO262155 WBS262153:WBS262155 VRW262153:VRW262155 VIA262153:VIA262155 UYE262153:UYE262155 UOI262153:UOI262155 UEM262153:UEM262155 TUQ262153:TUQ262155 TKU262153:TKU262155 TAY262153:TAY262155 SRC262153:SRC262155 SHG262153:SHG262155 RXK262153:RXK262155 RNO262153:RNO262155 RDS262153:RDS262155 QTW262153:QTW262155 QKA262153:QKA262155 QAE262153:QAE262155 PQI262153:PQI262155 PGM262153:PGM262155 OWQ262153:OWQ262155 OMU262153:OMU262155 OCY262153:OCY262155 NTC262153:NTC262155 NJG262153:NJG262155 MZK262153:MZK262155 MPO262153:MPO262155 MFS262153:MFS262155 LVW262153:LVW262155 LMA262153:LMA262155 LCE262153:LCE262155 KSI262153:KSI262155 KIM262153:KIM262155 JYQ262153:JYQ262155 JOU262153:JOU262155 JEY262153:JEY262155 IVC262153:IVC262155 ILG262153:ILG262155 IBK262153:IBK262155 HRO262153:HRO262155 HHS262153:HHS262155 GXW262153:GXW262155 GOA262153:GOA262155 GEE262153:GEE262155 FUI262153:FUI262155 FKM262153:FKM262155 FAQ262153:FAQ262155 EQU262153:EQU262155 EGY262153:EGY262155 DXC262153:DXC262155 DNG262153:DNG262155 DDK262153:DDK262155 CTO262153:CTO262155 CJS262153:CJS262155 BZW262153:BZW262155 BQA262153:BQA262155 BGE262153:BGE262155 AWI262153:AWI262155 AMM262153:AMM262155 ACQ262153:ACQ262155 SU262153:SU262155 IY262153:IY262155 I262153:I262155 WVK196617:WVK196619 WLO196617:WLO196619 WBS196617:WBS196619 VRW196617:VRW196619 VIA196617:VIA196619 UYE196617:UYE196619 UOI196617:UOI196619 UEM196617:UEM196619 TUQ196617:TUQ196619 TKU196617:TKU196619 TAY196617:TAY196619 SRC196617:SRC196619 SHG196617:SHG196619 RXK196617:RXK196619 RNO196617:RNO196619 RDS196617:RDS196619 QTW196617:QTW196619 QKA196617:QKA196619 QAE196617:QAE196619 PQI196617:PQI196619 PGM196617:PGM196619 OWQ196617:OWQ196619 OMU196617:OMU196619 OCY196617:OCY196619 NTC196617:NTC196619 NJG196617:NJG196619 MZK196617:MZK196619 MPO196617:MPO196619 MFS196617:MFS196619 LVW196617:LVW196619 LMA196617:LMA196619 LCE196617:LCE196619 KSI196617:KSI196619 KIM196617:KIM196619 JYQ196617:JYQ196619 JOU196617:JOU196619 JEY196617:JEY196619 IVC196617:IVC196619 ILG196617:ILG196619 IBK196617:IBK196619 HRO196617:HRO196619 HHS196617:HHS196619 GXW196617:GXW196619 GOA196617:GOA196619 GEE196617:GEE196619 FUI196617:FUI196619 FKM196617:FKM196619 FAQ196617:FAQ196619 EQU196617:EQU196619 EGY196617:EGY196619 DXC196617:DXC196619 DNG196617:DNG196619 DDK196617:DDK196619 CTO196617:CTO196619 CJS196617:CJS196619 BZW196617:BZW196619 BQA196617:BQA196619 BGE196617:BGE196619 AWI196617:AWI196619 AMM196617:AMM196619 ACQ196617:ACQ196619 SU196617:SU196619 IY196617:IY196619 I196617:I196619 WVK131081:WVK131083 WLO131081:WLO131083 WBS131081:WBS131083 VRW131081:VRW131083 VIA131081:VIA131083 UYE131081:UYE131083 UOI131081:UOI131083 UEM131081:UEM131083 TUQ131081:TUQ131083 TKU131081:TKU131083 TAY131081:TAY131083 SRC131081:SRC131083 SHG131081:SHG131083 RXK131081:RXK131083 RNO131081:RNO131083 RDS131081:RDS131083 QTW131081:QTW131083 QKA131081:QKA131083 QAE131081:QAE131083 PQI131081:PQI131083 PGM131081:PGM131083 OWQ131081:OWQ131083 OMU131081:OMU131083 OCY131081:OCY131083 NTC131081:NTC131083 NJG131081:NJG131083 MZK131081:MZK131083 MPO131081:MPO131083 MFS131081:MFS131083 LVW131081:LVW131083 LMA131081:LMA131083 LCE131081:LCE131083 KSI131081:KSI131083 KIM131081:KIM131083 JYQ131081:JYQ131083 JOU131081:JOU131083 JEY131081:JEY131083 IVC131081:IVC131083 ILG131081:ILG131083 IBK131081:IBK131083 HRO131081:HRO131083 HHS131081:HHS131083 GXW131081:GXW131083 GOA131081:GOA131083 GEE131081:GEE131083 FUI131081:FUI131083 FKM131081:FKM131083 FAQ131081:FAQ131083 EQU131081:EQU131083 EGY131081:EGY131083 DXC131081:DXC131083 DNG131081:DNG131083 DDK131081:DDK131083 CTO131081:CTO131083 CJS131081:CJS131083 BZW131081:BZW131083 BQA131081:BQA131083 BGE131081:BGE131083 AWI131081:AWI131083 AMM131081:AMM131083 ACQ131081:ACQ131083 SU131081:SU131083 IY131081:IY131083 I131081:I131083 WVK65545:WVK65547 WLO65545:WLO65547 WBS65545:WBS65547 VRW65545:VRW65547 VIA65545:VIA65547 UYE65545:UYE65547 UOI65545:UOI65547 UEM65545:UEM65547 TUQ65545:TUQ65547 TKU65545:TKU65547 TAY65545:TAY65547 SRC65545:SRC65547 SHG65545:SHG65547 RXK65545:RXK65547 RNO65545:RNO65547 RDS65545:RDS65547 QTW65545:QTW65547 QKA65545:QKA65547 QAE65545:QAE65547 PQI65545:PQI65547 PGM65545:PGM65547 OWQ65545:OWQ65547 OMU65545:OMU65547 OCY65545:OCY65547 NTC65545:NTC65547 NJG65545:NJG65547 MZK65545:MZK65547 MPO65545:MPO65547 MFS65545:MFS65547 LVW65545:LVW65547 LMA65545:LMA65547 LCE65545:LCE65547 KSI65545:KSI65547 KIM65545:KIM65547 JYQ65545:JYQ65547 JOU65545:JOU65547 JEY65545:JEY65547 IVC65545:IVC65547 ILG65545:ILG65547 IBK65545:IBK65547 HRO65545:HRO65547 HHS65545:HHS65547 GXW65545:GXW65547 GOA65545:GOA65547 GEE65545:GEE65547 FUI65545:FUI65547 FKM65545:FKM65547 FAQ65545:FAQ65547 EQU65545:EQU65547 EGY65545:EGY65547 DXC65545:DXC65547 DNG65545:DNG65547 DDK65545:DDK65547 CTO65545:CTO65547 CJS65545:CJS65547 BZW65545:BZW65547 BQA65545:BQA65547 BGE65545:BGE65547 AWI65545:AWI65547 AMM65545:AMM65547 ACQ65545:ACQ65547 SU65545:SU65547 IY65545:IY65547 I65545:I65547 WVL983050:WVO983051 WLP983050:WLS983051 WBT983050:WBW983051 VRX983050:VSA983051 VIB983050:VIE983051 UYF983050:UYI983051 UOJ983050:UOM983051 UEN983050:UEQ983051 TUR983050:TUU983051 TKV983050:TKY983051 TAZ983050:TBC983051 SRD983050:SRG983051 SHH983050:SHK983051 RXL983050:RXO983051 RNP983050:RNS983051 RDT983050:RDW983051 QTX983050:QUA983051 QKB983050:QKE983051 QAF983050:QAI983051 PQJ983050:PQM983051 PGN983050:PGQ983051 OWR983050:OWU983051 OMV983050:OMY983051 OCZ983050:ODC983051 NTD983050:NTG983051 NJH983050:NJK983051 MZL983050:MZO983051 MPP983050:MPS983051 MFT983050:MFW983051 LVX983050:LWA983051 LMB983050:LME983051 LCF983050:LCI983051 KSJ983050:KSM983051 KIN983050:KIQ983051 JYR983050:JYU983051 JOV983050:JOY983051 JEZ983050:JFC983051 IVD983050:IVG983051 ILH983050:ILK983051 IBL983050:IBO983051 HRP983050:HRS983051 HHT983050:HHW983051 GXX983050:GYA983051 GOB983050:GOE983051 GEF983050:GEI983051 FUJ983050:FUM983051 FKN983050:FKQ983051 FAR983050:FAU983051 EQV983050:EQY983051 EGZ983050:EHC983051 DXD983050:DXG983051 DNH983050:DNK983051 DDL983050:DDO983051 CTP983050:CTS983051 CJT983050:CJW983051 BZX983050:CAA983051 BQB983050:BQE983051 BGF983050:BGI983051 AWJ983050:AWM983051 AMN983050:AMQ983051 ACR983050:ACU983051 SV983050:SY983051 IZ983050:JC983051 J983050:M983051 WVL917514:WVO917515 WLP917514:WLS917515 WBT917514:WBW917515 VRX917514:VSA917515 VIB917514:VIE917515 UYF917514:UYI917515 UOJ917514:UOM917515 UEN917514:UEQ917515 TUR917514:TUU917515 TKV917514:TKY917515 TAZ917514:TBC917515 SRD917514:SRG917515 SHH917514:SHK917515 RXL917514:RXO917515 RNP917514:RNS917515 RDT917514:RDW917515 QTX917514:QUA917515 QKB917514:QKE917515 QAF917514:QAI917515 PQJ917514:PQM917515 PGN917514:PGQ917515 OWR917514:OWU917515 OMV917514:OMY917515 OCZ917514:ODC917515 NTD917514:NTG917515 NJH917514:NJK917515 MZL917514:MZO917515 MPP917514:MPS917515 MFT917514:MFW917515 LVX917514:LWA917515 LMB917514:LME917515 LCF917514:LCI917515 KSJ917514:KSM917515 KIN917514:KIQ917515 JYR917514:JYU917515 JOV917514:JOY917515 JEZ917514:JFC917515 IVD917514:IVG917515 ILH917514:ILK917515 IBL917514:IBO917515 HRP917514:HRS917515 HHT917514:HHW917515 GXX917514:GYA917515 GOB917514:GOE917515 GEF917514:GEI917515 FUJ917514:FUM917515 FKN917514:FKQ917515 FAR917514:FAU917515 EQV917514:EQY917515 EGZ917514:EHC917515 DXD917514:DXG917515 DNH917514:DNK917515 DDL917514:DDO917515 CTP917514:CTS917515 CJT917514:CJW917515 BZX917514:CAA917515 BQB917514:BQE917515 BGF917514:BGI917515 AWJ917514:AWM917515 AMN917514:AMQ917515 ACR917514:ACU917515 SV917514:SY917515 IZ917514:JC917515 J917514:M917515 WVL851978:WVO851979 WLP851978:WLS851979 WBT851978:WBW851979 VRX851978:VSA851979 VIB851978:VIE851979 UYF851978:UYI851979 UOJ851978:UOM851979 UEN851978:UEQ851979 TUR851978:TUU851979 TKV851978:TKY851979 TAZ851978:TBC851979 SRD851978:SRG851979 SHH851978:SHK851979 RXL851978:RXO851979 RNP851978:RNS851979 RDT851978:RDW851979 QTX851978:QUA851979 QKB851978:QKE851979 QAF851978:QAI851979 PQJ851978:PQM851979 PGN851978:PGQ851979 OWR851978:OWU851979 OMV851978:OMY851979 OCZ851978:ODC851979 NTD851978:NTG851979 NJH851978:NJK851979 MZL851978:MZO851979 MPP851978:MPS851979 MFT851978:MFW851979 LVX851978:LWA851979 LMB851978:LME851979 LCF851978:LCI851979 KSJ851978:KSM851979 KIN851978:KIQ851979 JYR851978:JYU851979 JOV851978:JOY851979 JEZ851978:JFC851979 IVD851978:IVG851979 ILH851978:ILK851979 IBL851978:IBO851979 HRP851978:HRS851979 HHT851978:HHW851979 GXX851978:GYA851979 GOB851978:GOE851979 GEF851978:GEI851979 FUJ851978:FUM851979 FKN851978:FKQ851979 FAR851978:FAU851979 EQV851978:EQY851979 EGZ851978:EHC851979 DXD851978:DXG851979 DNH851978:DNK851979 DDL851978:DDO851979 CTP851978:CTS851979 CJT851978:CJW851979 BZX851978:CAA851979 BQB851978:BQE851979 BGF851978:BGI851979 AWJ851978:AWM851979 AMN851978:AMQ851979 ACR851978:ACU851979 SV851978:SY851979 IZ851978:JC851979 J851978:M851979 WVL786442:WVO786443 WLP786442:WLS786443 WBT786442:WBW786443 VRX786442:VSA786443 VIB786442:VIE786443 UYF786442:UYI786443 UOJ786442:UOM786443 UEN786442:UEQ786443 TUR786442:TUU786443 TKV786442:TKY786443 TAZ786442:TBC786443 SRD786442:SRG786443 SHH786442:SHK786443 RXL786442:RXO786443 RNP786442:RNS786443 RDT786442:RDW786443 QTX786442:QUA786443 QKB786442:QKE786443 QAF786442:QAI786443 PQJ786442:PQM786443 PGN786442:PGQ786443 OWR786442:OWU786443 OMV786442:OMY786443 OCZ786442:ODC786443 NTD786442:NTG786443 NJH786442:NJK786443 MZL786442:MZO786443 MPP786442:MPS786443 MFT786442:MFW786443 LVX786442:LWA786443 LMB786442:LME786443 LCF786442:LCI786443 KSJ786442:KSM786443 KIN786442:KIQ786443 JYR786442:JYU786443 JOV786442:JOY786443 JEZ786442:JFC786443 IVD786442:IVG786443 ILH786442:ILK786443 IBL786442:IBO786443 HRP786442:HRS786443 HHT786442:HHW786443 GXX786442:GYA786443 GOB786442:GOE786443 GEF786442:GEI786443 FUJ786442:FUM786443 FKN786442:FKQ786443 FAR786442:FAU786443 EQV786442:EQY786443 EGZ786442:EHC786443 DXD786442:DXG786443 DNH786442:DNK786443 DDL786442:DDO786443 CTP786442:CTS786443 CJT786442:CJW786443 BZX786442:CAA786443 BQB786442:BQE786443 BGF786442:BGI786443 AWJ786442:AWM786443 AMN786442:AMQ786443 ACR786442:ACU786443 SV786442:SY786443 IZ786442:JC786443 J786442:M786443 WVL720906:WVO720907 WLP720906:WLS720907 WBT720906:WBW720907 VRX720906:VSA720907 VIB720906:VIE720907 UYF720906:UYI720907 UOJ720906:UOM720907 UEN720906:UEQ720907 TUR720906:TUU720907 TKV720906:TKY720907 TAZ720906:TBC720907 SRD720906:SRG720907 SHH720906:SHK720907 RXL720906:RXO720907 RNP720906:RNS720907 RDT720906:RDW720907 QTX720906:QUA720907 QKB720906:QKE720907 QAF720906:QAI720907 PQJ720906:PQM720907 PGN720906:PGQ720907 OWR720906:OWU720907 OMV720906:OMY720907 OCZ720906:ODC720907 NTD720906:NTG720907 NJH720906:NJK720907 MZL720906:MZO720907 MPP720906:MPS720907 MFT720906:MFW720907 LVX720906:LWA720907 LMB720906:LME720907 LCF720906:LCI720907 KSJ720906:KSM720907 KIN720906:KIQ720907 JYR720906:JYU720907 JOV720906:JOY720907 JEZ720906:JFC720907 IVD720906:IVG720907 ILH720906:ILK720907 IBL720906:IBO720907 HRP720906:HRS720907 HHT720906:HHW720907 GXX720906:GYA720907 GOB720906:GOE720907 GEF720906:GEI720907 FUJ720906:FUM720907 FKN720906:FKQ720907 FAR720906:FAU720907 EQV720906:EQY720907 EGZ720906:EHC720907 DXD720906:DXG720907 DNH720906:DNK720907 DDL720906:DDO720907 CTP720906:CTS720907 CJT720906:CJW720907 BZX720906:CAA720907 BQB720906:BQE720907 BGF720906:BGI720907 AWJ720906:AWM720907 AMN720906:AMQ720907 ACR720906:ACU720907 SV720906:SY720907 IZ720906:JC720907 J720906:M720907 WVL655370:WVO655371 WLP655370:WLS655371 WBT655370:WBW655371 VRX655370:VSA655371 VIB655370:VIE655371 UYF655370:UYI655371 UOJ655370:UOM655371 UEN655370:UEQ655371 TUR655370:TUU655371 TKV655370:TKY655371 TAZ655370:TBC655371 SRD655370:SRG655371 SHH655370:SHK655371 RXL655370:RXO655371 RNP655370:RNS655371 RDT655370:RDW655371 QTX655370:QUA655371 QKB655370:QKE655371 QAF655370:QAI655371 PQJ655370:PQM655371 PGN655370:PGQ655371 OWR655370:OWU655371 OMV655370:OMY655371 OCZ655370:ODC655371 NTD655370:NTG655371 NJH655370:NJK655371 MZL655370:MZO655371 MPP655370:MPS655371 MFT655370:MFW655371 LVX655370:LWA655371 LMB655370:LME655371 LCF655370:LCI655371 KSJ655370:KSM655371 KIN655370:KIQ655371 JYR655370:JYU655371 JOV655370:JOY655371 JEZ655370:JFC655371 IVD655370:IVG655371 ILH655370:ILK655371 IBL655370:IBO655371 HRP655370:HRS655371 HHT655370:HHW655371 GXX655370:GYA655371 GOB655370:GOE655371 GEF655370:GEI655371 FUJ655370:FUM655371 FKN655370:FKQ655371 FAR655370:FAU655371 EQV655370:EQY655371 EGZ655370:EHC655371 DXD655370:DXG655371 DNH655370:DNK655371 DDL655370:DDO655371 CTP655370:CTS655371 CJT655370:CJW655371 BZX655370:CAA655371 BQB655370:BQE655371 BGF655370:BGI655371 AWJ655370:AWM655371 AMN655370:AMQ655371 ACR655370:ACU655371 SV655370:SY655371 IZ655370:JC655371 J655370:M655371 WVL589834:WVO589835 WLP589834:WLS589835 WBT589834:WBW589835 VRX589834:VSA589835 VIB589834:VIE589835 UYF589834:UYI589835 UOJ589834:UOM589835 UEN589834:UEQ589835 TUR589834:TUU589835 TKV589834:TKY589835 TAZ589834:TBC589835 SRD589834:SRG589835 SHH589834:SHK589835 RXL589834:RXO589835 RNP589834:RNS589835 RDT589834:RDW589835 QTX589834:QUA589835 QKB589834:QKE589835 QAF589834:QAI589835 PQJ589834:PQM589835 PGN589834:PGQ589835 OWR589834:OWU589835 OMV589834:OMY589835 OCZ589834:ODC589835 NTD589834:NTG589835 NJH589834:NJK589835 MZL589834:MZO589835 MPP589834:MPS589835 MFT589834:MFW589835 LVX589834:LWA589835 LMB589834:LME589835 LCF589834:LCI589835 KSJ589834:KSM589835 KIN589834:KIQ589835 JYR589834:JYU589835 JOV589834:JOY589835 JEZ589834:JFC589835 IVD589834:IVG589835 ILH589834:ILK589835 IBL589834:IBO589835 HRP589834:HRS589835 HHT589834:HHW589835 GXX589834:GYA589835 GOB589834:GOE589835 GEF589834:GEI589835 FUJ589834:FUM589835 FKN589834:FKQ589835 FAR589834:FAU589835 EQV589834:EQY589835 EGZ589834:EHC589835 DXD589834:DXG589835 DNH589834:DNK589835 DDL589834:DDO589835 CTP589834:CTS589835 CJT589834:CJW589835 BZX589834:CAA589835 BQB589834:BQE589835 BGF589834:BGI589835 AWJ589834:AWM589835 AMN589834:AMQ589835 ACR589834:ACU589835 SV589834:SY589835 IZ589834:JC589835 J589834:M589835 WVL524298:WVO524299 WLP524298:WLS524299 WBT524298:WBW524299 VRX524298:VSA524299 VIB524298:VIE524299 UYF524298:UYI524299 UOJ524298:UOM524299 UEN524298:UEQ524299 TUR524298:TUU524299 TKV524298:TKY524299 TAZ524298:TBC524299 SRD524298:SRG524299 SHH524298:SHK524299 RXL524298:RXO524299 RNP524298:RNS524299 RDT524298:RDW524299 QTX524298:QUA524299 QKB524298:QKE524299 QAF524298:QAI524299 PQJ524298:PQM524299 PGN524298:PGQ524299 OWR524298:OWU524299 OMV524298:OMY524299 OCZ524298:ODC524299 NTD524298:NTG524299 NJH524298:NJK524299 MZL524298:MZO524299 MPP524298:MPS524299 MFT524298:MFW524299 LVX524298:LWA524299 LMB524298:LME524299 LCF524298:LCI524299 KSJ524298:KSM524299 KIN524298:KIQ524299 JYR524298:JYU524299 JOV524298:JOY524299 JEZ524298:JFC524299 IVD524298:IVG524299 ILH524298:ILK524299 IBL524298:IBO524299 HRP524298:HRS524299 HHT524298:HHW524299 GXX524298:GYA524299 GOB524298:GOE524299 GEF524298:GEI524299 FUJ524298:FUM524299 FKN524298:FKQ524299 FAR524298:FAU524299 EQV524298:EQY524299 EGZ524298:EHC524299 DXD524298:DXG524299 DNH524298:DNK524299 DDL524298:DDO524299 CTP524298:CTS524299 CJT524298:CJW524299 BZX524298:CAA524299 BQB524298:BQE524299 BGF524298:BGI524299 AWJ524298:AWM524299 AMN524298:AMQ524299 ACR524298:ACU524299 SV524298:SY524299 IZ524298:JC524299 J524298:M524299 WVL458762:WVO458763 WLP458762:WLS458763 WBT458762:WBW458763 VRX458762:VSA458763 VIB458762:VIE458763 UYF458762:UYI458763 UOJ458762:UOM458763 UEN458762:UEQ458763 TUR458762:TUU458763 TKV458762:TKY458763 TAZ458762:TBC458763 SRD458762:SRG458763 SHH458762:SHK458763 RXL458762:RXO458763 RNP458762:RNS458763 RDT458762:RDW458763 QTX458762:QUA458763 QKB458762:QKE458763 QAF458762:QAI458763 PQJ458762:PQM458763 PGN458762:PGQ458763 OWR458762:OWU458763 OMV458762:OMY458763 OCZ458762:ODC458763 NTD458762:NTG458763 NJH458762:NJK458763 MZL458762:MZO458763 MPP458762:MPS458763 MFT458762:MFW458763 LVX458762:LWA458763 LMB458762:LME458763 LCF458762:LCI458763 KSJ458762:KSM458763 KIN458762:KIQ458763 JYR458762:JYU458763 JOV458762:JOY458763 JEZ458762:JFC458763 IVD458762:IVG458763 ILH458762:ILK458763 IBL458762:IBO458763 HRP458762:HRS458763 HHT458762:HHW458763 GXX458762:GYA458763 GOB458762:GOE458763 GEF458762:GEI458763 FUJ458762:FUM458763 FKN458762:FKQ458763 FAR458762:FAU458763 EQV458762:EQY458763 EGZ458762:EHC458763 DXD458762:DXG458763 DNH458762:DNK458763 DDL458762:DDO458763 CTP458762:CTS458763 CJT458762:CJW458763 BZX458762:CAA458763 BQB458762:BQE458763 BGF458762:BGI458763 AWJ458762:AWM458763 AMN458762:AMQ458763 ACR458762:ACU458763 SV458762:SY458763 IZ458762:JC458763 J458762:M458763 WVL393226:WVO393227 WLP393226:WLS393227 WBT393226:WBW393227 VRX393226:VSA393227 VIB393226:VIE393227 UYF393226:UYI393227 UOJ393226:UOM393227 UEN393226:UEQ393227 TUR393226:TUU393227 TKV393226:TKY393227 TAZ393226:TBC393227 SRD393226:SRG393227 SHH393226:SHK393227 RXL393226:RXO393227 RNP393226:RNS393227 RDT393226:RDW393227 QTX393226:QUA393227 QKB393226:QKE393227 QAF393226:QAI393227 PQJ393226:PQM393227 PGN393226:PGQ393227 OWR393226:OWU393227 OMV393226:OMY393227 OCZ393226:ODC393227 NTD393226:NTG393227 NJH393226:NJK393227 MZL393226:MZO393227 MPP393226:MPS393227 MFT393226:MFW393227 LVX393226:LWA393227 LMB393226:LME393227 LCF393226:LCI393227 KSJ393226:KSM393227 KIN393226:KIQ393227 JYR393226:JYU393227 JOV393226:JOY393227 JEZ393226:JFC393227 IVD393226:IVG393227 ILH393226:ILK393227 IBL393226:IBO393227 HRP393226:HRS393227 HHT393226:HHW393227 GXX393226:GYA393227 GOB393226:GOE393227 GEF393226:GEI393227 FUJ393226:FUM393227 FKN393226:FKQ393227 FAR393226:FAU393227 EQV393226:EQY393227 EGZ393226:EHC393227 DXD393226:DXG393227 DNH393226:DNK393227 DDL393226:DDO393227 CTP393226:CTS393227 CJT393226:CJW393227 BZX393226:CAA393227 BQB393226:BQE393227 BGF393226:BGI393227 AWJ393226:AWM393227 AMN393226:AMQ393227 ACR393226:ACU393227 SV393226:SY393227 IZ393226:JC393227 J393226:M393227 WVL327690:WVO327691 WLP327690:WLS327691 WBT327690:WBW327691 VRX327690:VSA327691 VIB327690:VIE327691 UYF327690:UYI327691 UOJ327690:UOM327691 UEN327690:UEQ327691 TUR327690:TUU327691 TKV327690:TKY327691 TAZ327690:TBC327691 SRD327690:SRG327691 SHH327690:SHK327691 RXL327690:RXO327691 RNP327690:RNS327691 RDT327690:RDW327691 QTX327690:QUA327691 QKB327690:QKE327691 QAF327690:QAI327691 PQJ327690:PQM327691 PGN327690:PGQ327691 OWR327690:OWU327691 OMV327690:OMY327691 OCZ327690:ODC327691 NTD327690:NTG327691 NJH327690:NJK327691 MZL327690:MZO327691 MPP327690:MPS327691 MFT327690:MFW327691 LVX327690:LWA327691 LMB327690:LME327691 LCF327690:LCI327691 KSJ327690:KSM327691 KIN327690:KIQ327691 JYR327690:JYU327691 JOV327690:JOY327691 JEZ327690:JFC327691 IVD327690:IVG327691 ILH327690:ILK327691 IBL327690:IBO327691 HRP327690:HRS327691 HHT327690:HHW327691 GXX327690:GYA327691 GOB327690:GOE327691 GEF327690:GEI327691 FUJ327690:FUM327691 FKN327690:FKQ327691 FAR327690:FAU327691 EQV327690:EQY327691 EGZ327690:EHC327691 DXD327690:DXG327691 DNH327690:DNK327691 DDL327690:DDO327691 CTP327690:CTS327691 CJT327690:CJW327691 BZX327690:CAA327691 BQB327690:BQE327691 BGF327690:BGI327691 AWJ327690:AWM327691 AMN327690:AMQ327691 ACR327690:ACU327691 SV327690:SY327691 IZ327690:JC327691 J327690:M327691 WVL262154:WVO262155 WLP262154:WLS262155 WBT262154:WBW262155 VRX262154:VSA262155 VIB262154:VIE262155 UYF262154:UYI262155 UOJ262154:UOM262155 UEN262154:UEQ262155 TUR262154:TUU262155 TKV262154:TKY262155 TAZ262154:TBC262155 SRD262154:SRG262155 SHH262154:SHK262155 RXL262154:RXO262155 RNP262154:RNS262155 RDT262154:RDW262155 QTX262154:QUA262155 QKB262154:QKE262155 QAF262154:QAI262155 PQJ262154:PQM262155 PGN262154:PGQ262155 OWR262154:OWU262155 OMV262154:OMY262155 OCZ262154:ODC262155 NTD262154:NTG262155 NJH262154:NJK262155 MZL262154:MZO262155 MPP262154:MPS262155 MFT262154:MFW262155 LVX262154:LWA262155 LMB262154:LME262155 LCF262154:LCI262155 KSJ262154:KSM262155 KIN262154:KIQ262155 JYR262154:JYU262155 JOV262154:JOY262155 JEZ262154:JFC262155 IVD262154:IVG262155 ILH262154:ILK262155 IBL262154:IBO262155 HRP262154:HRS262155 HHT262154:HHW262155 GXX262154:GYA262155 GOB262154:GOE262155 GEF262154:GEI262155 FUJ262154:FUM262155 FKN262154:FKQ262155 FAR262154:FAU262155 EQV262154:EQY262155 EGZ262154:EHC262155 DXD262154:DXG262155 DNH262154:DNK262155 DDL262154:DDO262155 CTP262154:CTS262155 CJT262154:CJW262155 BZX262154:CAA262155 BQB262154:BQE262155 BGF262154:BGI262155 AWJ262154:AWM262155 AMN262154:AMQ262155 ACR262154:ACU262155 SV262154:SY262155 IZ262154:JC262155 J262154:M262155 WVL196618:WVO196619 WLP196618:WLS196619 WBT196618:WBW196619 VRX196618:VSA196619 VIB196618:VIE196619 UYF196618:UYI196619 UOJ196618:UOM196619 UEN196618:UEQ196619 TUR196618:TUU196619 TKV196618:TKY196619 TAZ196618:TBC196619 SRD196618:SRG196619 SHH196618:SHK196619 RXL196618:RXO196619 RNP196618:RNS196619 RDT196618:RDW196619 QTX196618:QUA196619 QKB196618:QKE196619 QAF196618:QAI196619 PQJ196618:PQM196619 PGN196618:PGQ196619 OWR196618:OWU196619 OMV196618:OMY196619 OCZ196618:ODC196619 NTD196618:NTG196619 NJH196618:NJK196619 MZL196618:MZO196619 MPP196618:MPS196619 MFT196618:MFW196619 LVX196618:LWA196619 LMB196618:LME196619 LCF196618:LCI196619 KSJ196618:KSM196619 KIN196618:KIQ196619 JYR196618:JYU196619 JOV196618:JOY196619 JEZ196618:JFC196619 IVD196618:IVG196619 ILH196618:ILK196619 IBL196618:IBO196619 HRP196618:HRS196619 HHT196618:HHW196619 GXX196618:GYA196619 GOB196618:GOE196619 GEF196618:GEI196619 FUJ196618:FUM196619 FKN196618:FKQ196619 FAR196618:FAU196619 EQV196618:EQY196619 EGZ196618:EHC196619 DXD196618:DXG196619 DNH196618:DNK196619 DDL196618:DDO196619 CTP196618:CTS196619 CJT196618:CJW196619 BZX196618:CAA196619 BQB196618:BQE196619 BGF196618:BGI196619 AWJ196618:AWM196619 AMN196618:AMQ196619 ACR196618:ACU196619 SV196618:SY196619 IZ196618:JC196619 J196618:M196619 WVL131082:WVO131083 WLP131082:WLS131083 WBT131082:WBW131083 VRX131082:VSA131083 VIB131082:VIE131083 UYF131082:UYI131083 UOJ131082:UOM131083 UEN131082:UEQ131083 TUR131082:TUU131083 TKV131082:TKY131083 TAZ131082:TBC131083 SRD131082:SRG131083 SHH131082:SHK131083 RXL131082:RXO131083 RNP131082:RNS131083 RDT131082:RDW131083 QTX131082:QUA131083 QKB131082:QKE131083 QAF131082:QAI131083 PQJ131082:PQM131083 PGN131082:PGQ131083 OWR131082:OWU131083 OMV131082:OMY131083 OCZ131082:ODC131083 NTD131082:NTG131083 NJH131082:NJK131083 MZL131082:MZO131083 MPP131082:MPS131083 MFT131082:MFW131083 LVX131082:LWA131083 LMB131082:LME131083 LCF131082:LCI131083 KSJ131082:KSM131083 KIN131082:KIQ131083 JYR131082:JYU131083 JOV131082:JOY131083 JEZ131082:JFC131083 IVD131082:IVG131083 ILH131082:ILK131083 IBL131082:IBO131083 HRP131082:HRS131083 HHT131082:HHW131083 GXX131082:GYA131083 GOB131082:GOE131083 GEF131082:GEI131083 FUJ131082:FUM131083 FKN131082:FKQ131083 FAR131082:FAU131083 EQV131082:EQY131083 EGZ131082:EHC131083 DXD131082:DXG131083 DNH131082:DNK131083 DDL131082:DDO131083 CTP131082:CTS131083 CJT131082:CJW131083 BZX131082:CAA131083 BQB131082:BQE131083 BGF131082:BGI131083 AWJ131082:AWM131083 AMN131082:AMQ131083 ACR131082:ACU131083 SV131082:SY131083 IZ131082:JC131083 J131082:M131083 WVL65546:WVO65547 WLP65546:WLS65547 WBT65546:WBW65547 VRX65546:VSA65547 VIB65546:VIE65547 UYF65546:UYI65547 UOJ65546:UOM65547 UEN65546:UEQ65547 TUR65546:TUU65547 TKV65546:TKY65547 TAZ65546:TBC65547 SRD65546:SRG65547 SHH65546:SHK65547 RXL65546:RXO65547 RNP65546:RNS65547 RDT65546:RDW65547 QTX65546:QUA65547 QKB65546:QKE65547 QAF65546:QAI65547 PQJ65546:PQM65547 PGN65546:PGQ65547 OWR65546:OWU65547 OMV65546:OMY65547 OCZ65546:ODC65547 NTD65546:NTG65547 NJH65546:NJK65547 MZL65546:MZO65547 MPP65546:MPS65547 MFT65546:MFW65547 LVX65546:LWA65547 LMB65546:LME65547 LCF65546:LCI65547 KSJ65546:KSM65547 KIN65546:KIQ65547 JYR65546:JYU65547 JOV65546:JOY65547 JEZ65546:JFC65547 IVD65546:IVG65547 ILH65546:ILK65547 IBL65546:IBO65547 HRP65546:HRS65547 HHT65546:HHW65547 GXX65546:GYA65547 GOB65546:GOE65547 GEF65546:GEI65547 FUJ65546:FUM65547 FKN65546:FKQ65547 FAR65546:FAU65547 EQV65546:EQY65547 EGZ65546:EHC65547 DXD65546:DXG65547 DNH65546:DNK65547 DDL65546:DDO65547 CTP65546:CTS65547 CJT65546:CJW65547 BZX65546:CAA65547 BQB65546:BQE65547 BGF65546:BGI65547 AWJ65546:AWM65547 AMN65546:AMQ65547 ACR65546:ACU65547 SV65546:SY65547 IZ65546:JC65547 J65546:M65547 WVQ983050:WVS983050 WLU983050:WLW983050 WBY983050:WCA983050 VSC983050:VSE983050 VIG983050:VII983050 UYK983050:UYM983050 UOO983050:UOQ983050 UES983050:UEU983050 TUW983050:TUY983050 TLA983050:TLC983050 TBE983050:TBG983050 SRI983050:SRK983050 SHM983050:SHO983050 RXQ983050:RXS983050 RNU983050:RNW983050 RDY983050:REA983050 QUC983050:QUE983050 QKG983050:QKI983050 QAK983050:QAM983050 PQO983050:PQQ983050 PGS983050:PGU983050 OWW983050:OWY983050 ONA983050:ONC983050 ODE983050:ODG983050 NTI983050:NTK983050 NJM983050:NJO983050 MZQ983050:MZS983050 MPU983050:MPW983050 MFY983050:MGA983050 LWC983050:LWE983050 LMG983050:LMI983050 LCK983050:LCM983050 KSO983050:KSQ983050 KIS983050:KIU983050 JYW983050:JYY983050 JPA983050:JPC983050 JFE983050:JFG983050 IVI983050:IVK983050 ILM983050:ILO983050 IBQ983050:IBS983050 HRU983050:HRW983050 HHY983050:HIA983050 GYC983050:GYE983050 GOG983050:GOI983050 GEK983050:GEM983050 FUO983050:FUQ983050 FKS983050:FKU983050 FAW983050:FAY983050 ERA983050:ERC983050 EHE983050:EHG983050 DXI983050:DXK983050 DNM983050:DNO983050 DDQ983050:DDS983050 CTU983050:CTW983050 CJY983050:CKA983050 CAC983050:CAE983050 BQG983050:BQI983050 BGK983050:BGM983050 AWO983050:AWQ983050 AMS983050:AMU983050 ACW983050:ACY983050 TA983050:TC983050 JE983050:JG983050 O983050:Q983050 WVQ917514:WVS917514 WLU917514:WLW917514 WBY917514:WCA917514 VSC917514:VSE917514 VIG917514:VII917514 UYK917514:UYM917514 UOO917514:UOQ917514 UES917514:UEU917514 TUW917514:TUY917514 TLA917514:TLC917514 TBE917514:TBG917514 SRI917514:SRK917514 SHM917514:SHO917514 RXQ917514:RXS917514 RNU917514:RNW917514 RDY917514:REA917514 QUC917514:QUE917514 QKG917514:QKI917514 QAK917514:QAM917514 PQO917514:PQQ917514 PGS917514:PGU917514 OWW917514:OWY917514 ONA917514:ONC917514 ODE917514:ODG917514 NTI917514:NTK917514 NJM917514:NJO917514 MZQ917514:MZS917514 MPU917514:MPW917514 MFY917514:MGA917514 LWC917514:LWE917514 LMG917514:LMI917514 LCK917514:LCM917514 KSO917514:KSQ917514 KIS917514:KIU917514 JYW917514:JYY917514 JPA917514:JPC917514 JFE917514:JFG917514 IVI917514:IVK917514 ILM917514:ILO917514 IBQ917514:IBS917514 HRU917514:HRW917514 HHY917514:HIA917514 GYC917514:GYE917514 GOG917514:GOI917514 GEK917514:GEM917514 FUO917514:FUQ917514 FKS917514:FKU917514 FAW917514:FAY917514 ERA917514:ERC917514 EHE917514:EHG917514 DXI917514:DXK917514 DNM917514:DNO917514 DDQ917514:DDS917514 CTU917514:CTW917514 CJY917514:CKA917514 CAC917514:CAE917514 BQG917514:BQI917514 BGK917514:BGM917514 AWO917514:AWQ917514 AMS917514:AMU917514 ACW917514:ACY917514 TA917514:TC917514 JE917514:JG917514 O917514:Q917514 WVQ851978:WVS851978 WLU851978:WLW851978 WBY851978:WCA851978 VSC851978:VSE851978 VIG851978:VII851978 UYK851978:UYM851978 UOO851978:UOQ851978 UES851978:UEU851978 TUW851978:TUY851978 TLA851978:TLC851978 TBE851978:TBG851978 SRI851978:SRK851978 SHM851978:SHO851978 RXQ851978:RXS851978 RNU851978:RNW851978 RDY851978:REA851978 QUC851978:QUE851978 QKG851978:QKI851978 QAK851978:QAM851978 PQO851978:PQQ851978 PGS851978:PGU851978 OWW851978:OWY851978 ONA851978:ONC851978 ODE851978:ODG851978 NTI851978:NTK851978 NJM851978:NJO851978 MZQ851978:MZS851978 MPU851978:MPW851978 MFY851978:MGA851978 LWC851978:LWE851978 LMG851978:LMI851978 LCK851978:LCM851978 KSO851978:KSQ851978 KIS851978:KIU851978 JYW851978:JYY851978 JPA851978:JPC851978 JFE851978:JFG851978 IVI851978:IVK851978 ILM851978:ILO851978 IBQ851978:IBS851978 HRU851978:HRW851978 HHY851978:HIA851978 GYC851978:GYE851978 GOG851978:GOI851978 GEK851978:GEM851978 FUO851978:FUQ851978 FKS851978:FKU851978 FAW851978:FAY851978 ERA851978:ERC851978 EHE851978:EHG851978 DXI851978:DXK851978 DNM851978:DNO851978 DDQ851978:DDS851978 CTU851978:CTW851978 CJY851978:CKA851978 CAC851978:CAE851978 BQG851978:BQI851978 BGK851978:BGM851978 AWO851978:AWQ851978 AMS851978:AMU851978 ACW851978:ACY851978 TA851978:TC851978 JE851978:JG851978 O851978:Q851978 WVQ786442:WVS786442 WLU786442:WLW786442 WBY786442:WCA786442 VSC786442:VSE786442 VIG786442:VII786442 UYK786442:UYM786442 UOO786442:UOQ786442 UES786442:UEU786442 TUW786442:TUY786442 TLA786442:TLC786442 TBE786442:TBG786442 SRI786442:SRK786442 SHM786442:SHO786442 RXQ786442:RXS786442 RNU786442:RNW786442 RDY786442:REA786442 QUC786442:QUE786442 QKG786442:QKI786442 QAK786442:QAM786442 PQO786442:PQQ786442 PGS786442:PGU786442 OWW786442:OWY786442 ONA786442:ONC786442 ODE786442:ODG786442 NTI786442:NTK786442 NJM786442:NJO786442 MZQ786442:MZS786442 MPU786442:MPW786442 MFY786442:MGA786442 LWC786442:LWE786442 LMG786442:LMI786442 LCK786442:LCM786442 KSO786442:KSQ786442 KIS786442:KIU786442 JYW786442:JYY786442 JPA786442:JPC786442 JFE786442:JFG786442 IVI786442:IVK786442 ILM786442:ILO786442 IBQ786442:IBS786442 HRU786442:HRW786442 HHY786442:HIA786442 GYC786442:GYE786442 GOG786442:GOI786442 GEK786442:GEM786442 FUO786442:FUQ786442 FKS786442:FKU786442 FAW786442:FAY786442 ERA786442:ERC786442 EHE786442:EHG786442 DXI786442:DXK786442 DNM786442:DNO786442 DDQ786442:DDS786442 CTU786442:CTW786442 CJY786442:CKA786442 CAC786442:CAE786442 BQG786442:BQI786442 BGK786442:BGM786442 AWO786442:AWQ786442 AMS786442:AMU786442 ACW786442:ACY786442 TA786442:TC786442 JE786442:JG786442 O786442:Q786442 WVQ720906:WVS720906 WLU720906:WLW720906 WBY720906:WCA720906 VSC720906:VSE720906 VIG720906:VII720906 UYK720906:UYM720906 UOO720906:UOQ720906 UES720906:UEU720906 TUW720906:TUY720906 TLA720906:TLC720906 TBE720906:TBG720906 SRI720906:SRK720906 SHM720906:SHO720906 RXQ720906:RXS720906 RNU720906:RNW720906 RDY720906:REA720906 QUC720906:QUE720906 QKG720906:QKI720906 QAK720906:QAM720906 PQO720906:PQQ720906 PGS720906:PGU720906 OWW720906:OWY720906 ONA720906:ONC720906 ODE720906:ODG720906 NTI720906:NTK720906 NJM720906:NJO720906 MZQ720906:MZS720906 MPU720906:MPW720906 MFY720906:MGA720906 LWC720906:LWE720906 LMG720906:LMI720906 LCK720906:LCM720906 KSO720906:KSQ720906 KIS720906:KIU720906 JYW720906:JYY720906 JPA720906:JPC720906 JFE720906:JFG720906 IVI720906:IVK720906 ILM720906:ILO720906 IBQ720906:IBS720906 HRU720906:HRW720906 HHY720906:HIA720906 GYC720906:GYE720906 GOG720906:GOI720906 GEK720906:GEM720906 FUO720906:FUQ720906 FKS720906:FKU720906 FAW720906:FAY720906 ERA720906:ERC720906 EHE720906:EHG720906 DXI720906:DXK720906 DNM720906:DNO720906 DDQ720906:DDS720906 CTU720906:CTW720906 CJY720906:CKA720906 CAC720906:CAE720906 BQG720906:BQI720906 BGK720906:BGM720906 AWO720906:AWQ720906 AMS720906:AMU720906 ACW720906:ACY720906 TA720906:TC720906 JE720906:JG720906 O720906:Q720906 WVQ655370:WVS655370 WLU655370:WLW655370 WBY655370:WCA655370 VSC655370:VSE655370 VIG655370:VII655370 UYK655370:UYM655370 UOO655370:UOQ655370 UES655370:UEU655370 TUW655370:TUY655370 TLA655370:TLC655370 TBE655370:TBG655370 SRI655370:SRK655370 SHM655370:SHO655370 RXQ655370:RXS655370 RNU655370:RNW655370 RDY655370:REA655370 QUC655370:QUE655370 QKG655370:QKI655370 QAK655370:QAM655370 PQO655370:PQQ655370 PGS655370:PGU655370 OWW655370:OWY655370 ONA655370:ONC655370 ODE655370:ODG655370 NTI655370:NTK655370 NJM655370:NJO655370 MZQ655370:MZS655370 MPU655370:MPW655370 MFY655370:MGA655370 LWC655370:LWE655370 LMG655370:LMI655370 LCK655370:LCM655370 KSO655370:KSQ655370 KIS655370:KIU655370 JYW655370:JYY655370 JPA655370:JPC655370 JFE655370:JFG655370 IVI655370:IVK655370 ILM655370:ILO655370 IBQ655370:IBS655370 HRU655370:HRW655370 HHY655370:HIA655370 GYC655370:GYE655370 GOG655370:GOI655370 GEK655370:GEM655370 FUO655370:FUQ655370 FKS655370:FKU655370 FAW655370:FAY655370 ERA655370:ERC655370 EHE655370:EHG655370 DXI655370:DXK655370 DNM655370:DNO655370 DDQ655370:DDS655370 CTU655370:CTW655370 CJY655370:CKA655370 CAC655370:CAE655370 BQG655370:BQI655370 BGK655370:BGM655370 AWO655370:AWQ655370 AMS655370:AMU655370 ACW655370:ACY655370 TA655370:TC655370 JE655370:JG655370 O655370:Q655370 WVQ589834:WVS589834 WLU589834:WLW589834 WBY589834:WCA589834 VSC589834:VSE589834 VIG589834:VII589834 UYK589834:UYM589834 UOO589834:UOQ589834 UES589834:UEU589834 TUW589834:TUY589834 TLA589834:TLC589834 TBE589834:TBG589834 SRI589834:SRK589834 SHM589834:SHO589834 RXQ589834:RXS589834 RNU589834:RNW589834 RDY589834:REA589834 QUC589834:QUE589834 QKG589834:QKI589834 QAK589834:QAM589834 PQO589834:PQQ589834 PGS589834:PGU589834 OWW589834:OWY589834 ONA589834:ONC589834 ODE589834:ODG589834 NTI589834:NTK589834 NJM589834:NJO589834 MZQ589834:MZS589834 MPU589834:MPW589834 MFY589834:MGA589834 LWC589834:LWE589834 LMG589834:LMI589834 LCK589834:LCM589834 KSO589834:KSQ589834 KIS589834:KIU589834 JYW589834:JYY589834 JPA589834:JPC589834 JFE589834:JFG589834 IVI589834:IVK589834 ILM589834:ILO589834 IBQ589834:IBS589834 HRU589834:HRW589834 HHY589834:HIA589834 GYC589834:GYE589834 GOG589834:GOI589834 GEK589834:GEM589834 FUO589834:FUQ589834 FKS589834:FKU589834 FAW589834:FAY589834 ERA589834:ERC589834 EHE589834:EHG589834 DXI589834:DXK589834 DNM589834:DNO589834 DDQ589834:DDS589834 CTU589834:CTW589834 CJY589834:CKA589834 CAC589834:CAE589834 BQG589834:BQI589834 BGK589834:BGM589834 AWO589834:AWQ589834 AMS589834:AMU589834 ACW589834:ACY589834 TA589834:TC589834 JE589834:JG589834 O589834:Q589834 WVQ524298:WVS524298 WLU524298:WLW524298 WBY524298:WCA524298 VSC524298:VSE524298 VIG524298:VII524298 UYK524298:UYM524298 UOO524298:UOQ524298 UES524298:UEU524298 TUW524298:TUY524298 TLA524298:TLC524298 TBE524298:TBG524298 SRI524298:SRK524298 SHM524298:SHO524298 RXQ524298:RXS524298 RNU524298:RNW524298 RDY524298:REA524298 QUC524298:QUE524298 QKG524298:QKI524298 QAK524298:QAM524298 PQO524298:PQQ524298 PGS524298:PGU524298 OWW524298:OWY524298 ONA524298:ONC524298 ODE524298:ODG524298 NTI524298:NTK524298 NJM524298:NJO524298 MZQ524298:MZS524298 MPU524298:MPW524298 MFY524298:MGA524298 LWC524298:LWE524298 LMG524298:LMI524298 LCK524298:LCM524298 KSO524298:KSQ524298 KIS524298:KIU524298 JYW524298:JYY524298 JPA524298:JPC524298 JFE524298:JFG524298 IVI524298:IVK524298 ILM524298:ILO524298 IBQ524298:IBS524298 HRU524298:HRW524298 HHY524298:HIA524298 GYC524298:GYE524298 GOG524298:GOI524298 GEK524298:GEM524298 FUO524298:FUQ524298 FKS524298:FKU524298 FAW524298:FAY524298 ERA524298:ERC524298 EHE524298:EHG524298 DXI524298:DXK524298 DNM524298:DNO524298 DDQ524298:DDS524298 CTU524298:CTW524298 CJY524298:CKA524298 CAC524298:CAE524298 BQG524298:BQI524298 BGK524298:BGM524298 AWO524298:AWQ524298 AMS524298:AMU524298 ACW524298:ACY524298 TA524298:TC524298 JE524298:JG524298 O524298:Q524298 WVQ458762:WVS458762 WLU458762:WLW458762 WBY458762:WCA458762 VSC458762:VSE458762 VIG458762:VII458762 UYK458762:UYM458762 UOO458762:UOQ458762 UES458762:UEU458762 TUW458762:TUY458762 TLA458762:TLC458762 TBE458762:TBG458762 SRI458762:SRK458762 SHM458762:SHO458762 RXQ458762:RXS458762 RNU458762:RNW458762 RDY458762:REA458762 QUC458762:QUE458762 QKG458762:QKI458762 QAK458762:QAM458762 PQO458762:PQQ458762 PGS458762:PGU458762 OWW458762:OWY458762 ONA458762:ONC458762 ODE458762:ODG458762 NTI458762:NTK458762 NJM458762:NJO458762 MZQ458762:MZS458762 MPU458762:MPW458762 MFY458762:MGA458762 LWC458762:LWE458762 LMG458762:LMI458762 LCK458762:LCM458762 KSO458762:KSQ458762 KIS458762:KIU458762 JYW458762:JYY458762 JPA458762:JPC458762 JFE458762:JFG458762 IVI458762:IVK458762 ILM458762:ILO458762 IBQ458762:IBS458762 HRU458762:HRW458762 HHY458762:HIA458762 GYC458762:GYE458762 GOG458762:GOI458762 GEK458762:GEM458762 FUO458762:FUQ458762 FKS458762:FKU458762 FAW458762:FAY458762 ERA458762:ERC458762 EHE458762:EHG458762 DXI458762:DXK458762 DNM458762:DNO458762 DDQ458762:DDS458762 CTU458762:CTW458762 CJY458762:CKA458762 CAC458762:CAE458762 BQG458762:BQI458762 BGK458762:BGM458762 AWO458762:AWQ458762 AMS458762:AMU458762 ACW458762:ACY458762 TA458762:TC458762 JE458762:JG458762 O458762:Q458762 WVQ393226:WVS393226 WLU393226:WLW393226 WBY393226:WCA393226 VSC393226:VSE393226 VIG393226:VII393226 UYK393226:UYM393226 UOO393226:UOQ393226 UES393226:UEU393226 TUW393226:TUY393226 TLA393226:TLC393226 TBE393226:TBG393226 SRI393226:SRK393226 SHM393226:SHO393226 RXQ393226:RXS393226 RNU393226:RNW393226 RDY393226:REA393226 QUC393226:QUE393226 QKG393226:QKI393226 QAK393226:QAM393226 PQO393226:PQQ393226 PGS393226:PGU393226 OWW393226:OWY393226 ONA393226:ONC393226 ODE393226:ODG393226 NTI393226:NTK393226 NJM393226:NJO393226 MZQ393226:MZS393226 MPU393226:MPW393226 MFY393226:MGA393226 LWC393226:LWE393226 LMG393226:LMI393226 LCK393226:LCM393226 KSO393226:KSQ393226 KIS393226:KIU393226 JYW393226:JYY393226 JPA393226:JPC393226 JFE393226:JFG393226 IVI393226:IVK393226 ILM393226:ILO393226 IBQ393226:IBS393226 HRU393226:HRW393226 HHY393226:HIA393226 GYC393226:GYE393226 GOG393226:GOI393226 GEK393226:GEM393226 FUO393226:FUQ393226 FKS393226:FKU393226 FAW393226:FAY393226 ERA393226:ERC393226 EHE393226:EHG393226 DXI393226:DXK393226 DNM393226:DNO393226 DDQ393226:DDS393226 CTU393226:CTW393226 CJY393226:CKA393226 CAC393226:CAE393226 BQG393226:BQI393226 BGK393226:BGM393226 AWO393226:AWQ393226 AMS393226:AMU393226 ACW393226:ACY393226 TA393226:TC393226 JE393226:JG393226 O393226:Q393226 WVQ327690:WVS327690 WLU327690:WLW327690 WBY327690:WCA327690 VSC327690:VSE327690 VIG327690:VII327690 UYK327690:UYM327690 UOO327690:UOQ327690 UES327690:UEU327690 TUW327690:TUY327690 TLA327690:TLC327690 TBE327690:TBG327690 SRI327690:SRK327690 SHM327690:SHO327690 RXQ327690:RXS327690 RNU327690:RNW327690 RDY327690:REA327690 QUC327690:QUE327690 QKG327690:QKI327690 QAK327690:QAM327690 PQO327690:PQQ327690 PGS327690:PGU327690 OWW327690:OWY327690 ONA327690:ONC327690 ODE327690:ODG327690 NTI327690:NTK327690 NJM327690:NJO327690 MZQ327690:MZS327690 MPU327690:MPW327690 MFY327690:MGA327690 LWC327690:LWE327690 LMG327690:LMI327690 LCK327690:LCM327690 KSO327690:KSQ327690 KIS327690:KIU327690 JYW327690:JYY327690 JPA327690:JPC327690 JFE327690:JFG327690 IVI327690:IVK327690 ILM327690:ILO327690 IBQ327690:IBS327690 HRU327690:HRW327690 HHY327690:HIA327690 GYC327690:GYE327690 GOG327690:GOI327690 GEK327690:GEM327690 FUO327690:FUQ327690 FKS327690:FKU327690 FAW327690:FAY327690 ERA327690:ERC327690 EHE327690:EHG327690 DXI327690:DXK327690 DNM327690:DNO327690 DDQ327690:DDS327690 CTU327690:CTW327690 CJY327690:CKA327690 CAC327690:CAE327690 BQG327690:BQI327690 BGK327690:BGM327690 AWO327690:AWQ327690 AMS327690:AMU327690 ACW327690:ACY327690 TA327690:TC327690 JE327690:JG327690 O327690:Q327690 WVQ262154:WVS262154 WLU262154:WLW262154 WBY262154:WCA262154 VSC262154:VSE262154 VIG262154:VII262154 UYK262154:UYM262154 UOO262154:UOQ262154 UES262154:UEU262154 TUW262154:TUY262154 TLA262154:TLC262154 TBE262154:TBG262154 SRI262154:SRK262154 SHM262154:SHO262154 RXQ262154:RXS262154 RNU262154:RNW262154 RDY262154:REA262154 QUC262154:QUE262154 QKG262154:QKI262154 QAK262154:QAM262154 PQO262154:PQQ262154 PGS262154:PGU262154 OWW262154:OWY262154 ONA262154:ONC262154 ODE262154:ODG262154 NTI262154:NTK262154 NJM262154:NJO262154 MZQ262154:MZS262154 MPU262154:MPW262154 MFY262154:MGA262154 LWC262154:LWE262154 LMG262154:LMI262154 LCK262154:LCM262154 KSO262154:KSQ262154 KIS262154:KIU262154 JYW262154:JYY262154 JPA262154:JPC262154 JFE262154:JFG262154 IVI262154:IVK262154 ILM262154:ILO262154 IBQ262154:IBS262154 HRU262154:HRW262154 HHY262154:HIA262154 GYC262154:GYE262154 GOG262154:GOI262154 GEK262154:GEM262154 FUO262154:FUQ262154 FKS262154:FKU262154 FAW262154:FAY262154 ERA262154:ERC262154 EHE262154:EHG262154 DXI262154:DXK262154 DNM262154:DNO262154 DDQ262154:DDS262154 CTU262154:CTW262154 CJY262154:CKA262154 CAC262154:CAE262154 BQG262154:BQI262154 BGK262154:BGM262154 AWO262154:AWQ262154 AMS262154:AMU262154 ACW262154:ACY262154 TA262154:TC262154 JE262154:JG262154 O262154:Q262154 WVQ196618:WVS196618 WLU196618:WLW196618 WBY196618:WCA196618 VSC196618:VSE196618 VIG196618:VII196618 UYK196618:UYM196618 UOO196618:UOQ196618 UES196618:UEU196618 TUW196618:TUY196618 TLA196618:TLC196618 TBE196618:TBG196618 SRI196618:SRK196618 SHM196618:SHO196618 RXQ196618:RXS196618 RNU196618:RNW196618 RDY196618:REA196618 QUC196618:QUE196618 QKG196618:QKI196618 QAK196618:QAM196618 PQO196618:PQQ196618 PGS196618:PGU196618 OWW196618:OWY196618 ONA196618:ONC196618 ODE196618:ODG196618 NTI196618:NTK196618 NJM196618:NJO196618 MZQ196618:MZS196618 MPU196618:MPW196618 MFY196618:MGA196618 LWC196618:LWE196618 LMG196618:LMI196618 LCK196618:LCM196618 KSO196618:KSQ196618 KIS196618:KIU196618 JYW196618:JYY196618 JPA196618:JPC196618 JFE196618:JFG196618 IVI196618:IVK196618 ILM196618:ILO196618 IBQ196618:IBS196618 HRU196618:HRW196618 HHY196618:HIA196618 GYC196618:GYE196618 GOG196618:GOI196618 GEK196618:GEM196618 FUO196618:FUQ196618 FKS196618:FKU196618 FAW196618:FAY196618 ERA196618:ERC196618 EHE196618:EHG196618 DXI196618:DXK196618 DNM196618:DNO196618 DDQ196618:DDS196618 CTU196618:CTW196618 CJY196618:CKA196618 CAC196618:CAE196618 BQG196618:BQI196618 BGK196618:BGM196618 AWO196618:AWQ196618 AMS196618:AMU196618 ACW196618:ACY196618 TA196618:TC196618 JE196618:JG196618 O196618:Q196618 WVQ131082:WVS131082 WLU131082:WLW131082 WBY131082:WCA131082 VSC131082:VSE131082 VIG131082:VII131082 UYK131082:UYM131082 UOO131082:UOQ131082 UES131082:UEU131082 TUW131082:TUY131082 TLA131082:TLC131082 TBE131082:TBG131082 SRI131082:SRK131082 SHM131082:SHO131082 RXQ131082:RXS131082 RNU131082:RNW131082 RDY131082:REA131082 QUC131082:QUE131082 QKG131082:QKI131082 QAK131082:QAM131082 PQO131082:PQQ131082 PGS131082:PGU131082 OWW131082:OWY131082 ONA131082:ONC131082 ODE131082:ODG131082 NTI131082:NTK131082 NJM131082:NJO131082 MZQ131082:MZS131082 MPU131082:MPW131082 MFY131082:MGA131082 LWC131082:LWE131082 LMG131082:LMI131082 LCK131082:LCM131082 KSO131082:KSQ131082 KIS131082:KIU131082 JYW131082:JYY131082 JPA131082:JPC131082 JFE131082:JFG131082 IVI131082:IVK131082 ILM131082:ILO131082 IBQ131082:IBS131082 HRU131082:HRW131082 HHY131082:HIA131082 GYC131082:GYE131082 GOG131082:GOI131082 GEK131082:GEM131082 FUO131082:FUQ131082 FKS131082:FKU131082 FAW131082:FAY131082 ERA131082:ERC131082 EHE131082:EHG131082 DXI131082:DXK131082 DNM131082:DNO131082 DDQ131082:DDS131082 CTU131082:CTW131082 CJY131082:CKA131082 CAC131082:CAE131082 BQG131082:BQI131082 BGK131082:BGM131082 AWO131082:AWQ131082 AMS131082:AMU131082 ACW131082:ACY131082 TA131082:TC131082 JE131082:JG131082 O131082:Q131082 WVQ65546:WVS65546 WLU65546:WLW65546 WBY65546:WCA65546 VSC65546:VSE65546 VIG65546:VII65546 UYK65546:UYM65546 UOO65546:UOQ65546 UES65546:UEU65546 TUW65546:TUY65546 TLA65546:TLC65546 TBE65546:TBG65546 SRI65546:SRK65546 SHM65546:SHO65546 RXQ65546:RXS65546 RNU65546:RNW65546 RDY65546:REA65546 QUC65546:QUE65546 QKG65546:QKI65546 QAK65546:QAM65546 PQO65546:PQQ65546 PGS65546:PGU65546 OWW65546:OWY65546 ONA65546:ONC65546 ODE65546:ODG65546 NTI65546:NTK65546 NJM65546:NJO65546 MZQ65546:MZS65546 MPU65546:MPW65546 MFY65546:MGA65546 LWC65546:LWE65546 LMG65546:LMI65546 LCK65546:LCM65546 KSO65546:KSQ65546 KIS65546:KIU65546 JYW65546:JYY65546 JPA65546:JPC65546 JFE65546:JFG65546 IVI65546:IVK65546 ILM65546:ILO65546 IBQ65546:IBS65546 HRU65546:HRW65546 HHY65546:HIA65546 GYC65546:GYE65546 GOG65546:GOI65546 GEK65546:GEM65546 FUO65546:FUQ65546 FKS65546:FKU65546 FAW65546:FAY65546 ERA65546:ERC65546 EHE65546:EHG65546 DXI65546:DXK65546 DNM65546:DNO65546 DDQ65546:DDS65546 CTU65546:CTW65546 CJY65546:CKA65546 CAC65546:CAE65546 BQG65546:BQI65546 BGK65546:BGM65546 AWO65546:AWQ65546 AMS65546:AMU65546 ACW65546:ACY65546 TA65546:TC65546 JE65546:JG65546 O65546:Q65546" xr:uid="{00000000-0002-0000-0700-000000000000}">
      <formula1>I65545&amp;""=ASC(I65545)</formula1>
    </dataValidation>
    <dataValidation imeMode="halfAlpha" allowBlank="1" showInputMessage="1" showErrorMessage="1" sqref="WVQ983055:WVS983055 WLU983055:WLW983055 WBY983055:WCA983055 VSC983055:VSE983055 VIG983055:VII983055 UYK983055:UYM983055 UOO983055:UOQ983055 UES983055:UEU983055 TUW983055:TUY983055 TLA983055:TLC983055 TBE983055:TBG983055 SRI983055:SRK983055 SHM983055:SHO983055 RXQ983055:RXS983055 RNU983055:RNW983055 RDY983055:REA983055 QUC983055:QUE983055 QKG983055:QKI983055 QAK983055:QAM983055 PQO983055:PQQ983055 PGS983055:PGU983055 OWW983055:OWY983055 ONA983055:ONC983055 ODE983055:ODG983055 NTI983055:NTK983055 NJM983055:NJO983055 MZQ983055:MZS983055 MPU983055:MPW983055 MFY983055:MGA983055 LWC983055:LWE983055 LMG983055:LMI983055 LCK983055:LCM983055 KSO983055:KSQ983055 KIS983055:KIU983055 JYW983055:JYY983055 JPA983055:JPC983055 JFE983055:JFG983055 IVI983055:IVK983055 ILM983055:ILO983055 IBQ983055:IBS983055 HRU983055:HRW983055 HHY983055:HIA983055 GYC983055:GYE983055 GOG983055:GOI983055 GEK983055:GEM983055 FUO983055:FUQ983055 FKS983055:FKU983055 FAW983055:FAY983055 ERA983055:ERC983055 EHE983055:EHG983055 DXI983055:DXK983055 DNM983055:DNO983055 DDQ983055:DDS983055 CTU983055:CTW983055 CJY983055:CKA983055 CAC983055:CAE983055 BQG983055:BQI983055 BGK983055:BGM983055 AWO983055:AWQ983055 AMS983055:AMU983055 ACW983055:ACY983055 TA983055:TC983055 JE983055:JG983055 O983055:Q983055 WVQ917519:WVS917519 WLU917519:WLW917519 WBY917519:WCA917519 VSC917519:VSE917519 VIG917519:VII917519 UYK917519:UYM917519 UOO917519:UOQ917519 UES917519:UEU917519 TUW917519:TUY917519 TLA917519:TLC917519 TBE917519:TBG917519 SRI917519:SRK917519 SHM917519:SHO917519 RXQ917519:RXS917519 RNU917519:RNW917519 RDY917519:REA917519 QUC917519:QUE917519 QKG917519:QKI917519 QAK917519:QAM917519 PQO917519:PQQ917519 PGS917519:PGU917519 OWW917519:OWY917519 ONA917519:ONC917519 ODE917519:ODG917519 NTI917519:NTK917519 NJM917519:NJO917519 MZQ917519:MZS917519 MPU917519:MPW917519 MFY917519:MGA917519 LWC917519:LWE917519 LMG917519:LMI917519 LCK917519:LCM917519 KSO917519:KSQ917519 KIS917519:KIU917519 JYW917519:JYY917519 JPA917519:JPC917519 JFE917519:JFG917519 IVI917519:IVK917519 ILM917519:ILO917519 IBQ917519:IBS917519 HRU917519:HRW917519 HHY917519:HIA917519 GYC917519:GYE917519 GOG917519:GOI917519 GEK917519:GEM917519 FUO917519:FUQ917519 FKS917519:FKU917519 FAW917519:FAY917519 ERA917519:ERC917519 EHE917519:EHG917519 DXI917519:DXK917519 DNM917519:DNO917519 DDQ917519:DDS917519 CTU917519:CTW917519 CJY917519:CKA917519 CAC917519:CAE917519 BQG917519:BQI917519 BGK917519:BGM917519 AWO917519:AWQ917519 AMS917519:AMU917519 ACW917519:ACY917519 TA917519:TC917519 JE917519:JG917519 O917519:Q917519 WVQ851983:WVS851983 WLU851983:WLW851983 WBY851983:WCA851983 VSC851983:VSE851983 VIG851983:VII851983 UYK851983:UYM851983 UOO851983:UOQ851983 UES851983:UEU851983 TUW851983:TUY851983 TLA851983:TLC851983 TBE851983:TBG851983 SRI851983:SRK851983 SHM851983:SHO851983 RXQ851983:RXS851983 RNU851983:RNW851983 RDY851983:REA851983 QUC851983:QUE851983 QKG851983:QKI851983 QAK851983:QAM851983 PQO851983:PQQ851983 PGS851983:PGU851983 OWW851983:OWY851983 ONA851983:ONC851983 ODE851983:ODG851983 NTI851983:NTK851983 NJM851983:NJO851983 MZQ851983:MZS851983 MPU851983:MPW851983 MFY851983:MGA851983 LWC851983:LWE851983 LMG851983:LMI851983 LCK851983:LCM851983 KSO851983:KSQ851983 KIS851983:KIU851983 JYW851983:JYY851983 JPA851983:JPC851983 JFE851983:JFG851983 IVI851983:IVK851983 ILM851983:ILO851983 IBQ851983:IBS851983 HRU851983:HRW851983 HHY851983:HIA851983 GYC851983:GYE851983 GOG851983:GOI851983 GEK851983:GEM851983 FUO851983:FUQ851983 FKS851983:FKU851983 FAW851983:FAY851983 ERA851983:ERC851983 EHE851983:EHG851983 DXI851983:DXK851983 DNM851983:DNO851983 DDQ851983:DDS851983 CTU851983:CTW851983 CJY851983:CKA851983 CAC851983:CAE851983 BQG851983:BQI851983 BGK851983:BGM851983 AWO851983:AWQ851983 AMS851983:AMU851983 ACW851983:ACY851983 TA851983:TC851983 JE851983:JG851983 O851983:Q851983 WVQ786447:WVS786447 WLU786447:WLW786447 WBY786447:WCA786447 VSC786447:VSE786447 VIG786447:VII786447 UYK786447:UYM786447 UOO786447:UOQ786447 UES786447:UEU786447 TUW786447:TUY786447 TLA786447:TLC786447 TBE786447:TBG786447 SRI786447:SRK786447 SHM786447:SHO786447 RXQ786447:RXS786447 RNU786447:RNW786447 RDY786447:REA786447 QUC786447:QUE786447 QKG786447:QKI786447 QAK786447:QAM786447 PQO786447:PQQ786447 PGS786447:PGU786447 OWW786447:OWY786447 ONA786447:ONC786447 ODE786447:ODG786447 NTI786447:NTK786447 NJM786447:NJO786447 MZQ786447:MZS786447 MPU786447:MPW786447 MFY786447:MGA786447 LWC786447:LWE786447 LMG786447:LMI786447 LCK786447:LCM786447 KSO786447:KSQ786447 KIS786447:KIU786447 JYW786447:JYY786447 JPA786447:JPC786447 JFE786447:JFG786447 IVI786447:IVK786447 ILM786447:ILO786447 IBQ786447:IBS786447 HRU786447:HRW786447 HHY786447:HIA786447 GYC786447:GYE786447 GOG786447:GOI786447 GEK786447:GEM786447 FUO786447:FUQ786447 FKS786447:FKU786447 FAW786447:FAY786447 ERA786447:ERC786447 EHE786447:EHG786447 DXI786447:DXK786447 DNM786447:DNO786447 DDQ786447:DDS786447 CTU786447:CTW786447 CJY786447:CKA786447 CAC786447:CAE786447 BQG786447:BQI786447 BGK786447:BGM786447 AWO786447:AWQ786447 AMS786447:AMU786447 ACW786447:ACY786447 TA786447:TC786447 JE786447:JG786447 O786447:Q786447 WVQ720911:WVS720911 WLU720911:WLW720911 WBY720911:WCA720911 VSC720911:VSE720911 VIG720911:VII720911 UYK720911:UYM720911 UOO720911:UOQ720911 UES720911:UEU720911 TUW720911:TUY720911 TLA720911:TLC720911 TBE720911:TBG720911 SRI720911:SRK720911 SHM720911:SHO720911 RXQ720911:RXS720911 RNU720911:RNW720911 RDY720911:REA720911 QUC720911:QUE720911 QKG720911:QKI720911 QAK720911:QAM720911 PQO720911:PQQ720911 PGS720911:PGU720911 OWW720911:OWY720911 ONA720911:ONC720911 ODE720911:ODG720911 NTI720911:NTK720911 NJM720911:NJO720911 MZQ720911:MZS720911 MPU720911:MPW720911 MFY720911:MGA720911 LWC720911:LWE720911 LMG720911:LMI720911 LCK720911:LCM720911 KSO720911:KSQ720911 KIS720911:KIU720911 JYW720911:JYY720911 JPA720911:JPC720911 JFE720911:JFG720911 IVI720911:IVK720911 ILM720911:ILO720911 IBQ720911:IBS720911 HRU720911:HRW720911 HHY720911:HIA720911 GYC720911:GYE720911 GOG720911:GOI720911 GEK720911:GEM720911 FUO720911:FUQ720911 FKS720911:FKU720911 FAW720911:FAY720911 ERA720911:ERC720911 EHE720911:EHG720911 DXI720911:DXK720911 DNM720911:DNO720911 DDQ720911:DDS720911 CTU720911:CTW720911 CJY720911:CKA720911 CAC720911:CAE720911 BQG720911:BQI720911 BGK720911:BGM720911 AWO720911:AWQ720911 AMS720911:AMU720911 ACW720911:ACY720911 TA720911:TC720911 JE720911:JG720911 O720911:Q720911 WVQ655375:WVS655375 WLU655375:WLW655375 WBY655375:WCA655375 VSC655375:VSE655375 VIG655375:VII655375 UYK655375:UYM655375 UOO655375:UOQ655375 UES655375:UEU655375 TUW655375:TUY655375 TLA655375:TLC655375 TBE655375:TBG655375 SRI655375:SRK655375 SHM655375:SHO655375 RXQ655375:RXS655375 RNU655375:RNW655375 RDY655375:REA655375 QUC655375:QUE655375 QKG655375:QKI655375 QAK655375:QAM655375 PQO655375:PQQ655375 PGS655375:PGU655375 OWW655375:OWY655375 ONA655375:ONC655375 ODE655375:ODG655375 NTI655375:NTK655375 NJM655375:NJO655375 MZQ655375:MZS655375 MPU655375:MPW655375 MFY655375:MGA655375 LWC655375:LWE655375 LMG655375:LMI655375 LCK655375:LCM655375 KSO655375:KSQ655375 KIS655375:KIU655375 JYW655375:JYY655375 JPA655375:JPC655375 JFE655375:JFG655375 IVI655375:IVK655375 ILM655375:ILO655375 IBQ655375:IBS655375 HRU655375:HRW655375 HHY655375:HIA655375 GYC655375:GYE655375 GOG655375:GOI655375 GEK655375:GEM655375 FUO655375:FUQ655375 FKS655375:FKU655375 FAW655375:FAY655375 ERA655375:ERC655375 EHE655375:EHG655375 DXI655375:DXK655375 DNM655375:DNO655375 DDQ655375:DDS655375 CTU655375:CTW655375 CJY655375:CKA655375 CAC655375:CAE655375 BQG655375:BQI655375 BGK655375:BGM655375 AWO655375:AWQ655375 AMS655375:AMU655375 ACW655375:ACY655375 TA655375:TC655375 JE655375:JG655375 O655375:Q655375 WVQ589839:WVS589839 WLU589839:WLW589839 WBY589839:WCA589839 VSC589839:VSE589839 VIG589839:VII589839 UYK589839:UYM589839 UOO589839:UOQ589839 UES589839:UEU589839 TUW589839:TUY589839 TLA589839:TLC589839 TBE589839:TBG589839 SRI589839:SRK589839 SHM589839:SHO589839 RXQ589839:RXS589839 RNU589839:RNW589839 RDY589839:REA589839 QUC589839:QUE589839 QKG589839:QKI589839 QAK589839:QAM589839 PQO589839:PQQ589839 PGS589839:PGU589839 OWW589839:OWY589839 ONA589839:ONC589839 ODE589839:ODG589839 NTI589839:NTK589839 NJM589839:NJO589839 MZQ589839:MZS589839 MPU589839:MPW589839 MFY589839:MGA589839 LWC589839:LWE589839 LMG589839:LMI589839 LCK589839:LCM589839 KSO589839:KSQ589839 KIS589839:KIU589839 JYW589839:JYY589839 JPA589839:JPC589839 JFE589839:JFG589839 IVI589839:IVK589839 ILM589839:ILO589839 IBQ589839:IBS589839 HRU589839:HRW589839 HHY589839:HIA589839 GYC589839:GYE589839 GOG589839:GOI589839 GEK589839:GEM589839 FUO589839:FUQ589839 FKS589839:FKU589839 FAW589839:FAY589839 ERA589839:ERC589839 EHE589839:EHG589839 DXI589839:DXK589839 DNM589839:DNO589839 DDQ589839:DDS589839 CTU589839:CTW589839 CJY589839:CKA589839 CAC589839:CAE589839 BQG589839:BQI589839 BGK589839:BGM589839 AWO589839:AWQ589839 AMS589839:AMU589839 ACW589839:ACY589839 TA589839:TC589839 JE589839:JG589839 O589839:Q589839 WVQ524303:WVS524303 WLU524303:WLW524303 WBY524303:WCA524303 VSC524303:VSE524303 VIG524303:VII524303 UYK524303:UYM524303 UOO524303:UOQ524303 UES524303:UEU524303 TUW524303:TUY524303 TLA524303:TLC524303 TBE524303:TBG524303 SRI524303:SRK524303 SHM524303:SHO524303 RXQ524303:RXS524303 RNU524303:RNW524303 RDY524303:REA524303 QUC524303:QUE524303 QKG524303:QKI524303 QAK524303:QAM524303 PQO524303:PQQ524303 PGS524303:PGU524303 OWW524303:OWY524303 ONA524303:ONC524303 ODE524303:ODG524303 NTI524303:NTK524303 NJM524303:NJO524303 MZQ524303:MZS524303 MPU524303:MPW524303 MFY524303:MGA524303 LWC524303:LWE524303 LMG524303:LMI524303 LCK524303:LCM524303 KSO524303:KSQ524303 KIS524303:KIU524303 JYW524303:JYY524303 JPA524303:JPC524303 JFE524303:JFG524303 IVI524303:IVK524303 ILM524303:ILO524303 IBQ524303:IBS524303 HRU524303:HRW524303 HHY524303:HIA524303 GYC524303:GYE524303 GOG524303:GOI524303 GEK524303:GEM524303 FUO524303:FUQ524303 FKS524303:FKU524303 FAW524303:FAY524303 ERA524303:ERC524303 EHE524303:EHG524303 DXI524303:DXK524303 DNM524303:DNO524303 DDQ524303:DDS524303 CTU524303:CTW524303 CJY524303:CKA524303 CAC524303:CAE524303 BQG524303:BQI524303 BGK524303:BGM524303 AWO524303:AWQ524303 AMS524303:AMU524303 ACW524303:ACY524303 TA524303:TC524303 JE524303:JG524303 O524303:Q524303 WVQ458767:WVS458767 WLU458767:WLW458767 WBY458767:WCA458767 VSC458767:VSE458767 VIG458767:VII458767 UYK458767:UYM458767 UOO458767:UOQ458767 UES458767:UEU458767 TUW458767:TUY458767 TLA458767:TLC458767 TBE458767:TBG458767 SRI458767:SRK458767 SHM458767:SHO458767 RXQ458767:RXS458767 RNU458767:RNW458767 RDY458767:REA458767 QUC458767:QUE458767 QKG458767:QKI458767 QAK458767:QAM458767 PQO458767:PQQ458767 PGS458767:PGU458767 OWW458767:OWY458767 ONA458767:ONC458767 ODE458767:ODG458767 NTI458767:NTK458767 NJM458767:NJO458767 MZQ458767:MZS458767 MPU458767:MPW458767 MFY458767:MGA458767 LWC458767:LWE458767 LMG458767:LMI458767 LCK458767:LCM458767 KSO458767:KSQ458767 KIS458767:KIU458767 JYW458767:JYY458767 JPA458767:JPC458767 JFE458767:JFG458767 IVI458767:IVK458767 ILM458767:ILO458767 IBQ458767:IBS458767 HRU458767:HRW458767 HHY458767:HIA458767 GYC458767:GYE458767 GOG458767:GOI458767 GEK458767:GEM458767 FUO458767:FUQ458767 FKS458767:FKU458767 FAW458767:FAY458767 ERA458767:ERC458767 EHE458767:EHG458767 DXI458767:DXK458767 DNM458767:DNO458767 DDQ458767:DDS458767 CTU458767:CTW458767 CJY458767:CKA458767 CAC458767:CAE458767 BQG458767:BQI458767 BGK458767:BGM458767 AWO458767:AWQ458767 AMS458767:AMU458767 ACW458767:ACY458767 TA458767:TC458767 JE458767:JG458767 O458767:Q458767 WVQ393231:WVS393231 WLU393231:WLW393231 WBY393231:WCA393231 VSC393231:VSE393231 VIG393231:VII393231 UYK393231:UYM393231 UOO393231:UOQ393231 UES393231:UEU393231 TUW393231:TUY393231 TLA393231:TLC393231 TBE393231:TBG393231 SRI393231:SRK393231 SHM393231:SHO393231 RXQ393231:RXS393231 RNU393231:RNW393231 RDY393231:REA393231 QUC393231:QUE393231 QKG393231:QKI393231 QAK393231:QAM393231 PQO393231:PQQ393231 PGS393231:PGU393231 OWW393231:OWY393231 ONA393231:ONC393231 ODE393231:ODG393231 NTI393231:NTK393231 NJM393231:NJO393231 MZQ393231:MZS393231 MPU393231:MPW393231 MFY393231:MGA393231 LWC393231:LWE393231 LMG393231:LMI393231 LCK393231:LCM393231 KSO393231:KSQ393231 KIS393231:KIU393231 JYW393231:JYY393231 JPA393231:JPC393231 JFE393231:JFG393231 IVI393231:IVK393231 ILM393231:ILO393231 IBQ393231:IBS393231 HRU393231:HRW393231 HHY393231:HIA393231 GYC393231:GYE393231 GOG393231:GOI393231 GEK393231:GEM393231 FUO393231:FUQ393231 FKS393231:FKU393231 FAW393231:FAY393231 ERA393231:ERC393231 EHE393231:EHG393231 DXI393231:DXK393231 DNM393231:DNO393231 DDQ393231:DDS393231 CTU393231:CTW393231 CJY393231:CKA393231 CAC393231:CAE393231 BQG393231:BQI393231 BGK393231:BGM393231 AWO393231:AWQ393231 AMS393231:AMU393231 ACW393231:ACY393231 TA393231:TC393231 JE393231:JG393231 O393231:Q393231 WVQ327695:WVS327695 WLU327695:WLW327695 WBY327695:WCA327695 VSC327695:VSE327695 VIG327695:VII327695 UYK327695:UYM327695 UOO327695:UOQ327695 UES327695:UEU327695 TUW327695:TUY327695 TLA327695:TLC327695 TBE327695:TBG327695 SRI327695:SRK327695 SHM327695:SHO327695 RXQ327695:RXS327695 RNU327695:RNW327695 RDY327695:REA327695 QUC327695:QUE327695 QKG327695:QKI327695 QAK327695:QAM327695 PQO327695:PQQ327695 PGS327695:PGU327695 OWW327695:OWY327695 ONA327695:ONC327695 ODE327695:ODG327695 NTI327695:NTK327695 NJM327695:NJO327695 MZQ327695:MZS327695 MPU327695:MPW327695 MFY327695:MGA327695 LWC327695:LWE327695 LMG327695:LMI327695 LCK327695:LCM327695 KSO327695:KSQ327695 KIS327695:KIU327695 JYW327695:JYY327695 JPA327695:JPC327695 JFE327695:JFG327695 IVI327695:IVK327695 ILM327695:ILO327695 IBQ327695:IBS327695 HRU327695:HRW327695 HHY327695:HIA327695 GYC327695:GYE327695 GOG327695:GOI327695 GEK327695:GEM327695 FUO327695:FUQ327695 FKS327695:FKU327695 FAW327695:FAY327695 ERA327695:ERC327695 EHE327695:EHG327695 DXI327695:DXK327695 DNM327695:DNO327695 DDQ327695:DDS327695 CTU327695:CTW327695 CJY327695:CKA327695 CAC327695:CAE327695 BQG327695:BQI327695 BGK327695:BGM327695 AWO327695:AWQ327695 AMS327695:AMU327695 ACW327695:ACY327695 TA327695:TC327695 JE327695:JG327695 O327695:Q327695 WVQ262159:WVS262159 WLU262159:WLW262159 WBY262159:WCA262159 VSC262159:VSE262159 VIG262159:VII262159 UYK262159:UYM262159 UOO262159:UOQ262159 UES262159:UEU262159 TUW262159:TUY262159 TLA262159:TLC262159 TBE262159:TBG262159 SRI262159:SRK262159 SHM262159:SHO262159 RXQ262159:RXS262159 RNU262159:RNW262159 RDY262159:REA262159 QUC262159:QUE262159 QKG262159:QKI262159 QAK262159:QAM262159 PQO262159:PQQ262159 PGS262159:PGU262159 OWW262159:OWY262159 ONA262159:ONC262159 ODE262159:ODG262159 NTI262159:NTK262159 NJM262159:NJO262159 MZQ262159:MZS262159 MPU262159:MPW262159 MFY262159:MGA262159 LWC262159:LWE262159 LMG262159:LMI262159 LCK262159:LCM262159 KSO262159:KSQ262159 KIS262159:KIU262159 JYW262159:JYY262159 JPA262159:JPC262159 JFE262159:JFG262159 IVI262159:IVK262159 ILM262159:ILO262159 IBQ262159:IBS262159 HRU262159:HRW262159 HHY262159:HIA262159 GYC262159:GYE262159 GOG262159:GOI262159 GEK262159:GEM262159 FUO262159:FUQ262159 FKS262159:FKU262159 FAW262159:FAY262159 ERA262159:ERC262159 EHE262159:EHG262159 DXI262159:DXK262159 DNM262159:DNO262159 DDQ262159:DDS262159 CTU262159:CTW262159 CJY262159:CKA262159 CAC262159:CAE262159 BQG262159:BQI262159 BGK262159:BGM262159 AWO262159:AWQ262159 AMS262159:AMU262159 ACW262159:ACY262159 TA262159:TC262159 JE262159:JG262159 O262159:Q262159 WVQ196623:WVS196623 WLU196623:WLW196623 WBY196623:WCA196623 VSC196623:VSE196623 VIG196623:VII196623 UYK196623:UYM196623 UOO196623:UOQ196623 UES196623:UEU196623 TUW196623:TUY196623 TLA196623:TLC196623 TBE196623:TBG196623 SRI196623:SRK196623 SHM196623:SHO196623 RXQ196623:RXS196623 RNU196623:RNW196623 RDY196623:REA196623 QUC196623:QUE196623 QKG196623:QKI196623 QAK196623:QAM196623 PQO196623:PQQ196623 PGS196623:PGU196623 OWW196623:OWY196623 ONA196623:ONC196623 ODE196623:ODG196623 NTI196623:NTK196623 NJM196623:NJO196623 MZQ196623:MZS196623 MPU196623:MPW196623 MFY196623:MGA196623 LWC196623:LWE196623 LMG196623:LMI196623 LCK196623:LCM196623 KSO196623:KSQ196623 KIS196623:KIU196623 JYW196623:JYY196623 JPA196623:JPC196623 JFE196623:JFG196623 IVI196623:IVK196623 ILM196623:ILO196623 IBQ196623:IBS196623 HRU196623:HRW196623 HHY196623:HIA196623 GYC196623:GYE196623 GOG196623:GOI196623 GEK196623:GEM196623 FUO196623:FUQ196623 FKS196623:FKU196623 FAW196623:FAY196623 ERA196623:ERC196623 EHE196623:EHG196623 DXI196623:DXK196623 DNM196623:DNO196623 DDQ196623:DDS196623 CTU196623:CTW196623 CJY196623:CKA196623 CAC196623:CAE196623 BQG196623:BQI196623 BGK196623:BGM196623 AWO196623:AWQ196623 AMS196623:AMU196623 ACW196623:ACY196623 TA196623:TC196623 JE196623:JG196623 O196623:Q196623 WVQ131087:WVS131087 WLU131087:WLW131087 WBY131087:WCA131087 VSC131087:VSE131087 VIG131087:VII131087 UYK131087:UYM131087 UOO131087:UOQ131087 UES131087:UEU131087 TUW131087:TUY131087 TLA131087:TLC131087 TBE131087:TBG131087 SRI131087:SRK131087 SHM131087:SHO131087 RXQ131087:RXS131087 RNU131087:RNW131087 RDY131087:REA131087 QUC131087:QUE131087 QKG131087:QKI131087 QAK131087:QAM131087 PQO131087:PQQ131087 PGS131087:PGU131087 OWW131087:OWY131087 ONA131087:ONC131087 ODE131087:ODG131087 NTI131087:NTK131087 NJM131087:NJO131087 MZQ131087:MZS131087 MPU131087:MPW131087 MFY131087:MGA131087 LWC131087:LWE131087 LMG131087:LMI131087 LCK131087:LCM131087 KSO131087:KSQ131087 KIS131087:KIU131087 JYW131087:JYY131087 JPA131087:JPC131087 JFE131087:JFG131087 IVI131087:IVK131087 ILM131087:ILO131087 IBQ131087:IBS131087 HRU131087:HRW131087 HHY131087:HIA131087 GYC131087:GYE131087 GOG131087:GOI131087 GEK131087:GEM131087 FUO131087:FUQ131087 FKS131087:FKU131087 FAW131087:FAY131087 ERA131087:ERC131087 EHE131087:EHG131087 DXI131087:DXK131087 DNM131087:DNO131087 DDQ131087:DDS131087 CTU131087:CTW131087 CJY131087:CKA131087 CAC131087:CAE131087 BQG131087:BQI131087 BGK131087:BGM131087 AWO131087:AWQ131087 AMS131087:AMU131087 ACW131087:ACY131087 TA131087:TC131087 JE131087:JG131087 O131087:Q131087 WVQ65551:WVS65551 WLU65551:WLW65551 WBY65551:WCA65551 VSC65551:VSE65551 VIG65551:VII65551 UYK65551:UYM65551 UOO65551:UOQ65551 UES65551:UEU65551 TUW65551:TUY65551 TLA65551:TLC65551 TBE65551:TBG65551 SRI65551:SRK65551 SHM65551:SHO65551 RXQ65551:RXS65551 RNU65551:RNW65551 RDY65551:REA65551 QUC65551:QUE65551 QKG65551:QKI65551 QAK65551:QAM65551 PQO65551:PQQ65551 PGS65551:PGU65551 OWW65551:OWY65551 ONA65551:ONC65551 ODE65551:ODG65551 NTI65551:NTK65551 NJM65551:NJO65551 MZQ65551:MZS65551 MPU65551:MPW65551 MFY65551:MGA65551 LWC65551:LWE65551 LMG65551:LMI65551 LCK65551:LCM65551 KSO65551:KSQ65551 KIS65551:KIU65551 JYW65551:JYY65551 JPA65551:JPC65551 JFE65551:JFG65551 IVI65551:IVK65551 ILM65551:ILO65551 IBQ65551:IBS65551 HRU65551:HRW65551 HHY65551:HIA65551 GYC65551:GYE65551 GOG65551:GOI65551 GEK65551:GEM65551 FUO65551:FUQ65551 FKS65551:FKU65551 FAW65551:FAY65551 ERA65551:ERC65551 EHE65551:EHG65551 DXI65551:DXK65551 DNM65551:DNO65551 DDQ65551:DDS65551 CTU65551:CTW65551 CJY65551:CKA65551 CAC65551:CAE65551 BQG65551:BQI65551 BGK65551:BGM65551 AWO65551:AWQ65551 AMS65551:AMU65551 ACW65551:ACY65551 TA65551:TC65551 JE65551:JG65551 O65551:Q65551" xr:uid="{00000000-0002-0000-0700-000001000000}"/>
    <dataValidation type="custom" imeMode="halfAlpha" allowBlank="1" showInputMessage="1" showErrorMessage="1" sqref="WVK983046 WLO983046 WBS983046 VRW983046 VIA983046 UYE983046 UOI983046 UEM983046 TUQ983046 TKU983046 TAY983046 SRC983046 SHG983046 RXK983046 RNO983046 RDS983046 QTW983046 QKA983046 QAE983046 PQI983046 PGM983046 OWQ983046 OMU983046 OCY983046 NTC983046 NJG983046 MZK983046 MPO983046 MFS983046 LVW983046 LMA983046 LCE983046 KSI983046 KIM983046 JYQ983046 JOU983046 JEY983046 IVC983046 ILG983046 IBK983046 HRO983046 HHS983046 GXW983046 GOA983046 GEE983046 FUI983046 FKM983046 FAQ983046 EQU983046 EGY983046 DXC983046 DNG983046 DDK983046 CTO983046 CJS983046 BZW983046 BQA983046 BGE983046 AWI983046 AMM983046 ACQ983046 SU983046 IY983046 I983046 WVK917510 WLO917510 WBS917510 VRW917510 VIA917510 UYE917510 UOI917510 UEM917510 TUQ917510 TKU917510 TAY917510 SRC917510 SHG917510 RXK917510 RNO917510 RDS917510 QTW917510 QKA917510 QAE917510 PQI917510 PGM917510 OWQ917510 OMU917510 OCY917510 NTC917510 NJG917510 MZK917510 MPO917510 MFS917510 LVW917510 LMA917510 LCE917510 KSI917510 KIM917510 JYQ917510 JOU917510 JEY917510 IVC917510 ILG917510 IBK917510 HRO917510 HHS917510 GXW917510 GOA917510 GEE917510 FUI917510 FKM917510 FAQ917510 EQU917510 EGY917510 DXC917510 DNG917510 DDK917510 CTO917510 CJS917510 BZW917510 BQA917510 BGE917510 AWI917510 AMM917510 ACQ917510 SU917510 IY917510 I917510 WVK851974 WLO851974 WBS851974 VRW851974 VIA851974 UYE851974 UOI851974 UEM851974 TUQ851974 TKU851974 TAY851974 SRC851974 SHG851974 RXK851974 RNO851974 RDS851974 QTW851974 QKA851974 QAE851974 PQI851974 PGM851974 OWQ851974 OMU851974 OCY851974 NTC851974 NJG851974 MZK851974 MPO851974 MFS851974 LVW851974 LMA851974 LCE851974 KSI851974 KIM851974 JYQ851974 JOU851974 JEY851974 IVC851974 ILG851974 IBK851974 HRO851974 HHS851974 GXW851974 GOA851974 GEE851974 FUI851974 FKM851974 FAQ851974 EQU851974 EGY851974 DXC851974 DNG851974 DDK851974 CTO851974 CJS851974 BZW851974 BQA851974 BGE851974 AWI851974 AMM851974 ACQ851974 SU851974 IY851974 I851974 WVK786438 WLO786438 WBS786438 VRW786438 VIA786438 UYE786438 UOI786438 UEM786438 TUQ786438 TKU786438 TAY786438 SRC786438 SHG786438 RXK786438 RNO786438 RDS786438 QTW786438 QKA786438 QAE786438 PQI786438 PGM786438 OWQ786438 OMU786438 OCY786438 NTC786438 NJG786438 MZK786438 MPO786438 MFS786438 LVW786438 LMA786438 LCE786438 KSI786438 KIM786438 JYQ786438 JOU786438 JEY786438 IVC786438 ILG786438 IBK786438 HRO786438 HHS786438 GXW786438 GOA786438 GEE786438 FUI786438 FKM786438 FAQ786438 EQU786438 EGY786438 DXC786438 DNG786438 DDK786438 CTO786438 CJS786438 BZW786438 BQA786438 BGE786438 AWI786438 AMM786438 ACQ786438 SU786438 IY786438 I786438 WVK720902 WLO720902 WBS720902 VRW720902 VIA720902 UYE720902 UOI720902 UEM720902 TUQ720902 TKU720902 TAY720902 SRC720902 SHG720902 RXK720902 RNO720902 RDS720902 QTW720902 QKA720902 QAE720902 PQI720902 PGM720902 OWQ720902 OMU720902 OCY720902 NTC720902 NJG720902 MZK720902 MPO720902 MFS720902 LVW720902 LMA720902 LCE720902 KSI720902 KIM720902 JYQ720902 JOU720902 JEY720902 IVC720902 ILG720902 IBK720902 HRO720902 HHS720902 GXW720902 GOA720902 GEE720902 FUI720902 FKM720902 FAQ720902 EQU720902 EGY720902 DXC720902 DNG720902 DDK720902 CTO720902 CJS720902 BZW720902 BQA720902 BGE720902 AWI720902 AMM720902 ACQ720902 SU720902 IY720902 I720902 WVK655366 WLO655366 WBS655366 VRW655366 VIA655366 UYE655366 UOI655366 UEM655366 TUQ655366 TKU655366 TAY655366 SRC655366 SHG655366 RXK655366 RNO655366 RDS655366 QTW655366 QKA655366 QAE655366 PQI655366 PGM655366 OWQ655366 OMU655366 OCY655366 NTC655366 NJG655366 MZK655366 MPO655366 MFS655366 LVW655366 LMA655366 LCE655366 KSI655366 KIM655366 JYQ655366 JOU655366 JEY655366 IVC655366 ILG655366 IBK655366 HRO655366 HHS655366 GXW655366 GOA655366 GEE655366 FUI655366 FKM655366 FAQ655366 EQU655366 EGY655366 DXC655366 DNG655366 DDK655366 CTO655366 CJS655366 BZW655366 BQA655366 BGE655366 AWI655366 AMM655366 ACQ655366 SU655366 IY655366 I655366 WVK589830 WLO589830 WBS589830 VRW589830 VIA589830 UYE589830 UOI589830 UEM589830 TUQ589830 TKU589830 TAY589830 SRC589830 SHG589830 RXK589830 RNO589830 RDS589830 QTW589830 QKA589830 QAE589830 PQI589830 PGM589830 OWQ589830 OMU589830 OCY589830 NTC589830 NJG589830 MZK589830 MPO589830 MFS589830 LVW589830 LMA589830 LCE589830 KSI589830 KIM589830 JYQ589830 JOU589830 JEY589830 IVC589830 ILG589830 IBK589830 HRO589830 HHS589830 GXW589830 GOA589830 GEE589830 FUI589830 FKM589830 FAQ589830 EQU589830 EGY589830 DXC589830 DNG589830 DDK589830 CTO589830 CJS589830 BZW589830 BQA589830 BGE589830 AWI589830 AMM589830 ACQ589830 SU589830 IY589830 I589830 WVK524294 WLO524294 WBS524294 VRW524294 VIA524294 UYE524294 UOI524294 UEM524294 TUQ524294 TKU524294 TAY524294 SRC524294 SHG524294 RXK524294 RNO524294 RDS524294 QTW524294 QKA524294 QAE524294 PQI524294 PGM524294 OWQ524294 OMU524294 OCY524294 NTC524294 NJG524294 MZK524294 MPO524294 MFS524294 LVW524294 LMA524294 LCE524294 KSI524294 KIM524294 JYQ524294 JOU524294 JEY524294 IVC524294 ILG524294 IBK524294 HRO524294 HHS524294 GXW524294 GOA524294 GEE524294 FUI524294 FKM524294 FAQ524294 EQU524294 EGY524294 DXC524294 DNG524294 DDK524294 CTO524294 CJS524294 BZW524294 BQA524294 BGE524294 AWI524294 AMM524294 ACQ524294 SU524294 IY524294 I524294 WVK458758 WLO458758 WBS458758 VRW458758 VIA458758 UYE458758 UOI458758 UEM458758 TUQ458758 TKU458758 TAY458758 SRC458758 SHG458758 RXK458758 RNO458758 RDS458758 QTW458758 QKA458758 QAE458758 PQI458758 PGM458758 OWQ458758 OMU458758 OCY458758 NTC458758 NJG458758 MZK458758 MPO458758 MFS458758 LVW458758 LMA458758 LCE458758 KSI458758 KIM458758 JYQ458758 JOU458758 JEY458758 IVC458758 ILG458758 IBK458758 HRO458758 HHS458758 GXW458758 GOA458758 GEE458758 FUI458758 FKM458758 FAQ458758 EQU458758 EGY458758 DXC458758 DNG458758 DDK458758 CTO458758 CJS458758 BZW458758 BQA458758 BGE458758 AWI458758 AMM458758 ACQ458758 SU458758 IY458758 I458758 WVK393222 WLO393222 WBS393222 VRW393222 VIA393222 UYE393222 UOI393222 UEM393222 TUQ393222 TKU393222 TAY393222 SRC393222 SHG393222 RXK393222 RNO393222 RDS393222 QTW393222 QKA393222 QAE393222 PQI393222 PGM393222 OWQ393222 OMU393222 OCY393222 NTC393222 NJG393222 MZK393222 MPO393222 MFS393222 LVW393222 LMA393222 LCE393222 KSI393222 KIM393222 JYQ393222 JOU393222 JEY393222 IVC393222 ILG393222 IBK393222 HRO393222 HHS393222 GXW393222 GOA393222 GEE393222 FUI393222 FKM393222 FAQ393222 EQU393222 EGY393222 DXC393222 DNG393222 DDK393222 CTO393222 CJS393222 BZW393222 BQA393222 BGE393222 AWI393222 AMM393222 ACQ393222 SU393222 IY393222 I393222 WVK327686 WLO327686 WBS327686 VRW327686 VIA327686 UYE327686 UOI327686 UEM327686 TUQ327686 TKU327686 TAY327686 SRC327686 SHG327686 RXK327686 RNO327686 RDS327686 QTW327686 QKA327686 QAE327686 PQI327686 PGM327686 OWQ327686 OMU327686 OCY327686 NTC327686 NJG327686 MZK327686 MPO327686 MFS327686 LVW327686 LMA327686 LCE327686 KSI327686 KIM327686 JYQ327686 JOU327686 JEY327686 IVC327686 ILG327686 IBK327686 HRO327686 HHS327686 GXW327686 GOA327686 GEE327686 FUI327686 FKM327686 FAQ327686 EQU327686 EGY327686 DXC327686 DNG327686 DDK327686 CTO327686 CJS327686 BZW327686 BQA327686 BGE327686 AWI327686 AMM327686 ACQ327686 SU327686 IY327686 I327686 WVK262150 WLO262150 WBS262150 VRW262150 VIA262150 UYE262150 UOI262150 UEM262150 TUQ262150 TKU262150 TAY262150 SRC262150 SHG262150 RXK262150 RNO262150 RDS262150 QTW262150 QKA262150 QAE262150 PQI262150 PGM262150 OWQ262150 OMU262150 OCY262150 NTC262150 NJG262150 MZK262150 MPO262150 MFS262150 LVW262150 LMA262150 LCE262150 KSI262150 KIM262150 JYQ262150 JOU262150 JEY262150 IVC262150 ILG262150 IBK262150 HRO262150 HHS262150 GXW262150 GOA262150 GEE262150 FUI262150 FKM262150 FAQ262150 EQU262150 EGY262150 DXC262150 DNG262150 DDK262150 CTO262150 CJS262150 BZW262150 BQA262150 BGE262150 AWI262150 AMM262150 ACQ262150 SU262150 IY262150 I262150 WVK196614 WLO196614 WBS196614 VRW196614 VIA196614 UYE196614 UOI196614 UEM196614 TUQ196614 TKU196614 TAY196614 SRC196614 SHG196614 RXK196614 RNO196614 RDS196614 QTW196614 QKA196614 QAE196614 PQI196614 PGM196614 OWQ196614 OMU196614 OCY196614 NTC196614 NJG196614 MZK196614 MPO196614 MFS196614 LVW196614 LMA196614 LCE196614 KSI196614 KIM196614 JYQ196614 JOU196614 JEY196614 IVC196614 ILG196614 IBK196614 HRO196614 HHS196614 GXW196614 GOA196614 GEE196614 FUI196614 FKM196614 FAQ196614 EQU196614 EGY196614 DXC196614 DNG196614 DDK196614 CTO196614 CJS196614 BZW196614 BQA196614 BGE196614 AWI196614 AMM196614 ACQ196614 SU196614 IY196614 I196614 WVK131078 WLO131078 WBS131078 VRW131078 VIA131078 UYE131078 UOI131078 UEM131078 TUQ131078 TKU131078 TAY131078 SRC131078 SHG131078 RXK131078 RNO131078 RDS131078 QTW131078 QKA131078 QAE131078 PQI131078 PGM131078 OWQ131078 OMU131078 OCY131078 NTC131078 NJG131078 MZK131078 MPO131078 MFS131078 LVW131078 LMA131078 LCE131078 KSI131078 KIM131078 JYQ131078 JOU131078 JEY131078 IVC131078 ILG131078 IBK131078 HRO131078 HHS131078 GXW131078 GOA131078 GEE131078 FUI131078 FKM131078 FAQ131078 EQU131078 EGY131078 DXC131078 DNG131078 DDK131078 CTO131078 CJS131078 BZW131078 BQA131078 BGE131078 AWI131078 AMM131078 ACQ131078 SU131078 IY131078 I131078 WVK65542 WLO65542 WBS65542 VRW65542 VIA65542 UYE65542 UOI65542 UEM65542 TUQ65542 TKU65542 TAY65542 SRC65542 SHG65542 RXK65542 RNO65542 RDS65542 QTW65542 QKA65542 QAE65542 PQI65542 PGM65542 OWQ65542 OMU65542 OCY65542 NTC65542 NJG65542 MZK65542 MPO65542 MFS65542 LVW65542 LMA65542 LCE65542 KSI65542 KIM65542 JYQ65542 JOU65542 JEY65542 IVC65542 ILG65542 IBK65542 HRO65542 HHS65542 GXW65542 GOA65542 GEE65542 FUI65542 FKM65542 FAQ65542 EQU65542 EGY65542 DXC65542 DNG65542 DDK65542 CTO65542 CJS65542 BZW65542 BQA65542 BGE65542 AWI65542 AMM65542 ACQ65542 SU65542 IY65542 I65542" xr:uid="{00000000-0002-0000-0700-000002000000}">
      <formula1>I65542&amp;""=ASC(I65542)</formula1>
    </dataValidation>
    <dataValidation type="custom" allowBlank="1" showInputMessage="1" showErrorMessage="1" errorTitle="入力内容に誤りがあります" error="全角で入力してください" sqref="WVK983047:WVS983047 WLO983047:WLW983047 WBS983047:WCA983047 VRW983047:VSE983047 VIA983047:VII983047 UYE983047:UYM983047 UOI983047:UOQ983047 UEM983047:UEU983047 TUQ983047:TUY983047 TKU983047:TLC983047 TAY983047:TBG983047 SRC983047:SRK983047 SHG983047:SHO983047 RXK983047:RXS983047 RNO983047:RNW983047 RDS983047:REA983047 QTW983047:QUE983047 QKA983047:QKI983047 QAE983047:QAM983047 PQI983047:PQQ983047 PGM983047:PGU983047 OWQ983047:OWY983047 OMU983047:ONC983047 OCY983047:ODG983047 NTC983047:NTK983047 NJG983047:NJO983047 MZK983047:MZS983047 MPO983047:MPW983047 MFS983047:MGA983047 LVW983047:LWE983047 LMA983047:LMI983047 LCE983047:LCM983047 KSI983047:KSQ983047 KIM983047:KIU983047 JYQ983047:JYY983047 JOU983047:JPC983047 JEY983047:JFG983047 IVC983047:IVK983047 ILG983047:ILO983047 IBK983047:IBS983047 HRO983047:HRW983047 HHS983047:HIA983047 GXW983047:GYE983047 GOA983047:GOI983047 GEE983047:GEM983047 FUI983047:FUQ983047 FKM983047:FKU983047 FAQ983047:FAY983047 EQU983047:ERC983047 EGY983047:EHG983047 DXC983047:DXK983047 DNG983047:DNO983047 DDK983047:DDS983047 CTO983047:CTW983047 CJS983047:CKA983047 BZW983047:CAE983047 BQA983047:BQI983047 BGE983047:BGM983047 AWI983047:AWQ983047 AMM983047:AMU983047 ACQ983047:ACY983047 SU983047:TC983047 IY983047:JG983047 I983047:Q983047 WVK917511:WVS917511 WLO917511:WLW917511 WBS917511:WCA917511 VRW917511:VSE917511 VIA917511:VII917511 UYE917511:UYM917511 UOI917511:UOQ917511 UEM917511:UEU917511 TUQ917511:TUY917511 TKU917511:TLC917511 TAY917511:TBG917511 SRC917511:SRK917511 SHG917511:SHO917511 RXK917511:RXS917511 RNO917511:RNW917511 RDS917511:REA917511 QTW917511:QUE917511 QKA917511:QKI917511 QAE917511:QAM917511 PQI917511:PQQ917511 PGM917511:PGU917511 OWQ917511:OWY917511 OMU917511:ONC917511 OCY917511:ODG917511 NTC917511:NTK917511 NJG917511:NJO917511 MZK917511:MZS917511 MPO917511:MPW917511 MFS917511:MGA917511 LVW917511:LWE917511 LMA917511:LMI917511 LCE917511:LCM917511 KSI917511:KSQ917511 KIM917511:KIU917511 JYQ917511:JYY917511 JOU917511:JPC917511 JEY917511:JFG917511 IVC917511:IVK917511 ILG917511:ILO917511 IBK917511:IBS917511 HRO917511:HRW917511 HHS917511:HIA917511 GXW917511:GYE917511 GOA917511:GOI917511 GEE917511:GEM917511 FUI917511:FUQ917511 FKM917511:FKU917511 FAQ917511:FAY917511 EQU917511:ERC917511 EGY917511:EHG917511 DXC917511:DXK917511 DNG917511:DNO917511 DDK917511:DDS917511 CTO917511:CTW917511 CJS917511:CKA917511 BZW917511:CAE917511 BQA917511:BQI917511 BGE917511:BGM917511 AWI917511:AWQ917511 AMM917511:AMU917511 ACQ917511:ACY917511 SU917511:TC917511 IY917511:JG917511 I917511:Q917511 WVK851975:WVS851975 WLO851975:WLW851975 WBS851975:WCA851975 VRW851975:VSE851975 VIA851975:VII851975 UYE851975:UYM851975 UOI851975:UOQ851975 UEM851975:UEU851975 TUQ851975:TUY851975 TKU851975:TLC851975 TAY851975:TBG851975 SRC851975:SRK851975 SHG851975:SHO851975 RXK851975:RXS851975 RNO851975:RNW851975 RDS851975:REA851975 QTW851975:QUE851975 QKA851975:QKI851975 QAE851975:QAM851975 PQI851975:PQQ851975 PGM851975:PGU851975 OWQ851975:OWY851975 OMU851975:ONC851975 OCY851975:ODG851975 NTC851975:NTK851975 NJG851975:NJO851975 MZK851975:MZS851975 MPO851975:MPW851975 MFS851975:MGA851975 LVW851975:LWE851975 LMA851975:LMI851975 LCE851975:LCM851975 KSI851975:KSQ851975 KIM851975:KIU851975 JYQ851975:JYY851975 JOU851975:JPC851975 JEY851975:JFG851975 IVC851975:IVK851975 ILG851975:ILO851975 IBK851975:IBS851975 HRO851975:HRW851975 HHS851975:HIA851975 GXW851975:GYE851975 GOA851975:GOI851975 GEE851975:GEM851975 FUI851975:FUQ851975 FKM851975:FKU851975 FAQ851975:FAY851975 EQU851975:ERC851975 EGY851975:EHG851975 DXC851975:DXK851975 DNG851975:DNO851975 DDK851975:DDS851975 CTO851975:CTW851975 CJS851975:CKA851975 BZW851975:CAE851975 BQA851975:BQI851975 BGE851975:BGM851975 AWI851975:AWQ851975 AMM851975:AMU851975 ACQ851975:ACY851975 SU851975:TC851975 IY851975:JG851975 I851975:Q851975 WVK786439:WVS786439 WLO786439:WLW786439 WBS786439:WCA786439 VRW786439:VSE786439 VIA786439:VII786439 UYE786439:UYM786439 UOI786439:UOQ786439 UEM786439:UEU786439 TUQ786439:TUY786439 TKU786439:TLC786439 TAY786439:TBG786439 SRC786439:SRK786439 SHG786439:SHO786439 RXK786439:RXS786439 RNO786439:RNW786439 RDS786439:REA786439 QTW786439:QUE786439 QKA786439:QKI786439 QAE786439:QAM786439 PQI786439:PQQ786439 PGM786439:PGU786439 OWQ786439:OWY786439 OMU786439:ONC786439 OCY786439:ODG786439 NTC786439:NTK786439 NJG786439:NJO786439 MZK786439:MZS786439 MPO786439:MPW786439 MFS786439:MGA786439 LVW786439:LWE786439 LMA786439:LMI786439 LCE786439:LCM786439 KSI786439:KSQ786439 KIM786439:KIU786439 JYQ786439:JYY786439 JOU786439:JPC786439 JEY786439:JFG786439 IVC786439:IVK786439 ILG786439:ILO786439 IBK786439:IBS786439 HRO786439:HRW786439 HHS786439:HIA786439 GXW786439:GYE786439 GOA786439:GOI786439 GEE786439:GEM786439 FUI786439:FUQ786439 FKM786439:FKU786439 FAQ786439:FAY786439 EQU786439:ERC786439 EGY786439:EHG786439 DXC786439:DXK786439 DNG786439:DNO786439 DDK786439:DDS786439 CTO786439:CTW786439 CJS786439:CKA786439 BZW786439:CAE786439 BQA786439:BQI786439 BGE786439:BGM786439 AWI786439:AWQ786439 AMM786439:AMU786439 ACQ786439:ACY786439 SU786439:TC786439 IY786439:JG786439 I786439:Q786439 WVK720903:WVS720903 WLO720903:WLW720903 WBS720903:WCA720903 VRW720903:VSE720903 VIA720903:VII720903 UYE720903:UYM720903 UOI720903:UOQ720903 UEM720903:UEU720903 TUQ720903:TUY720903 TKU720903:TLC720903 TAY720903:TBG720903 SRC720903:SRK720903 SHG720903:SHO720903 RXK720903:RXS720903 RNO720903:RNW720903 RDS720903:REA720903 QTW720903:QUE720903 QKA720903:QKI720903 QAE720903:QAM720903 PQI720903:PQQ720903 PGM720903:PGU720903 OWQ720903:OWY720903 OMU720903:ONC720903 OCY720903:ODG720903 NTC720903:NTK720903 NJG720903:NJO720903 MZK720903:MZS720903 MPO720903:MPW720903 MFS720903:MGA720903 LVW720903:LWE720903 LMA720903:LMI720903 LCE720903:LCM720903 KSI720903:KSQ720903 KIM720903:KIU720903 JYQ720903:JYY720903 JOU720903:JPC720903 JEY720903:JFG720903 IVC720903:IVK720903 ILG720903:ILO720903 IBK720903:IBS720903 HRO720903:HRW720903 HHS720903:HIA720903 GXW720903:GYE720903 GOA720903:GOI720903 GEE720903:GEM720903 FUI720903:FUQ720903 FKM720903:FKU720903 FAQ720903:FAY720903 EQU720903:ERC720903 EGY720903:EHG720903 DXC720903:DXK720903 DNG720903:DNO720903 DDK720903:DDS720903 CTO720903:CTW720903 CJS720903:CKA720903 BZW720903:CAE720903 BQA720903:BQI720903 BGE720903:BGM720903 AWI720903:AWQ720903 AMM720903:AMU720903 ACQ720903:ACY720903 SU720903:TC720903 IY720903:JG720903 I720903:Q720903 WVK655367:WVS655367 WLO655367:WLW655367 WBS655367:WCA655367 VRW655367:VSE655367 VIA655367:VII655367 UYE655367:UYM655367 UOI655367:UOQ655367 UEM655367:UEU655367 TUQ655367:TUY655367 TKU655367:TLC655367 TAY655367:TBG655367 SRC655367:SRK655367 SHG655367:SHO655367 RXK655367:RXS655367 RNO655367:RNW655367 RDS655367:REA655367 QTW655367:QUE655367 QKA655367:QKI655367 QAE655367:QAM655367 PQI655367:PQQ655367 PGM655367:PGU655367 OWQ655367:OWY655367 OMU655367:ONC655367 OCY655367:ODG655367 NTC655367:NTK655367 NJG655367:NJO655367 MZK655367:MZS655367 MPO655367:MPW655367 MFS655367:MGA655367 LVW655367:LWE655367 LMA655367:LMI655367 LCE655367:LCM655367 KSI655367:KSQ655367 KIM655367:KIU655367 JYQ655367:JYY655367 JOU655367:JPC655367 JEY655367:JFG655367 IVC655367:IVK655367 ILG655367:ILO655367 IBK655367:IBS655367 HRO655367:HRW655367 HHS655367:HIA655367 GXW655367:GYE655367 GOA655367:GOI655367 GEE655367:GEM655367 FUI655367:FUQ655367 FKM655367:FKU655367 FAQ655367:FAY655367 EQU655367:ERC655367 EGY655367:EHG655367 DXC655367:DXK655367 DNG655367:DNO655367 DDK655367:DDS655367 CTO655367:CTW655367 CJS655367:CKA655367 BZW655367:CAE655367 BQA655367:BQI655367 BGE655367:BGM655367 AWI655367:AWQ655367 AMM655367:AMU655367 ACQ655367:ACY655367 SU655367:TC655367 IY655367:JG655367 I655367:Q655367 WVK589831:WVS589831 WLO589831:WLW589831 WBS589831:WCA589831 VRW589831:VSE589831 VIA589831:VII589831 UYE589831:UYM589831 UOI589831:UOQ589831 UEM589831:UEU589831 TUQ589831:TUY589831 TKU589831:TLC589831 TAY589831:TBG589831 SRC589831:SRK589831 SHG589831:SHO589831 RXK589831:RXS589831 RNO589831:RNW589831 RDS589831:REA589831 QTW589831:QUE589831 QKA589831:QKI589831 QAE589831:QAM589831 PQI589831:PQQ589831 PGM589831:PGU589831 OWQ589831:OWY589831 OMU589831:ONC589831 OCY589831:ODG589831 NTC589831:NTK589831 NJG589831:NJO589831 MZK589831:MZS589831 MPO589831:MPW589831 MFS589831:MGA589831 LVW589831:LWE589831 LMA589831:LMI589831 LCE589831:LCM589831 KSI589831:KSQ589831 KIM589831:KIU589831 JYQ589831:JYY589831 JOU589831:JPC589831 JEY589831:JFG589831 IVC589831:IVK589831 ILG589831:ILO589831 IBK589831:IBS589831 HRO589831:HRW589831 HHS589831:HIA589831 GXW589831:GYE589831 GOA589831:GOI589831 GEE589831:GEM589831 FUI589831:FUQ589831 FKM589831:FKU589831 FAQ589831:FAY589831 EQU589831:ERC589831 EGY589831:EHG589831 DXC589831:DXK589831 DNG589831:DNO589831 DDK589831:DDS589831 CTO589831:CTW589831 CJS589831:CKA589831 BZW589831:CAE589831 BQA589831:BQI589831 BGE589831:BGM589831 AWI589831:AWQ589831 AMM589831:AMU589831 ACQ589831:ACY589831 SU589831:TC589831 IY589831:JG589831 I589831:Q589831 WVK524295:WVS524295 WLO524295:WLW524295 WBS524295:WCA524295 VRW524295:VSE524295 VIA524295:VII524295 UYE524295:UYM524295 UOI524295:UOQ524295 UEM524295:UEU524295 TUQ524295:TUY524295 TKU524295:TLC524295 TAY524295:TBG524295 SRC524295:SRK524295 SHG524295:SHO524295 RXK524295:RXS524295 RNO524295:RNW524295 RDS524295:REA524295 QTW524295:QUE524295 QKA524295:QKI524295 QAE524295:QAM524295 PQI524295:PQQ524295 PGM524295:PGU524295 OWQ524295:OWY524295 OMU524295:ONC524295 OCY524295:ODG524295 NTC524295:NTK524295 NJG524295:NJO524295 MZK524295:MZS524295 MPO524295:MPW524295 MFS524295:MGA524295 LVW524295:LWE524295 LMA524295:LMI524295 LCE524295:LCM524295 KSI524295:KSQ524295 KIM524295:KIU524295 JYQ524295:JYY524295 JOU524295:JPC524295 JEY524295:JFG524295 IVC524295:IVK524295 ILG524295:ILO524295 IBK524295:IBS524295 HRO524295:HRW524295 HHS524295:HIA524295 GXW524295:GYE524295 GOA524295:GOI524295 GEE524295:GEM524295 FUI524295:FUQ524295 FKM524295:FKU524295 FAQ524295:FAY524295 EQU524295:ERC524295 EGY524295:EHG524295 DXC524295:DXK524295 DNG524295:DNO524295 DDK524295:DDS524295 CTO524295:CTW524295 CJS524295:CKA524295 BZW524295:CAE524295 BQA524295:BQI524295 BGE524295:BGM524295 AWI524295:AWQ524295 AMM524295:AMU524295 ACQ524295:ACY524295 SU524295:TC524295 IY524295:JG524295 I524295:Q524295 WVK458759:WVS458759 WLO458759:WLW458759 WBS458759:WCA458759 VRW458759:VSE458759 VIA458759:VII458759 UYE458759:UYM458759 UOI458759:UOQ458759 UEM458759:UEU458759 TUQ458759:TUY458759 TKU458759:TLC458759 TAY458759:TBG458759 SRC458759:SRK458759 SHG458759:SHO458759 RXK458759:RXS458759 RNO458759:RNW458759 RDS458759:REA458759 QTW458759:QUE458759 QKA458759:QKI458759 QAE458759:QAM458759 PQI458759:PQQ458759 PGM458759:PGU458759 OWQ458759:OWY458759 OMU458759:ONC458759 OCY458759:ODG458759 NTC458759:NTK458759 NJG458759:NJO458759 MZK458759:MZS458759 MPO458759:MPW458759 MFS458759:MGA458759 LVW458759:LWE458759 LMA458759:LMI458759 LCE458759:LCM458759 KSI458759:KSQ458759 KIM458759:KIU458759 JYQ458759:JYY458759 JOU458759:JPC458759 JEY458759:JFG458759 IVC458759:IVK458759 ILG458759:ILO458759 IBK458759:IBS458759 HRO458759:HRW458759 HHS458759:HIA458759 GXW458759:GYE458759 GOA458759:GOI458759 GEE458759:GEM458759 FUI458759:FUQ458759 FKM458759:FKU458759 FAQ458759:FAY458759 EQU458759:ERC458759 EGY458759:EHG458759 DXC458759:DXK458759 DNG458759:DNO458759 DDK458759:DDS458759 CTO458759:CTW458759 CJS458759:CKA458759 BZW458759:CAE458759 BQA458759:BQI458759 BGE458759:BGM458759 AWI458759:AWQ458759 AMM458759:AMU458759 ACQ458759:ACY458759 SU458759:TC458759 IY458759:JG458759 I458759:Q458759 WVK393223:WVS393223 WLO393223:WLW393223 WBS393223:WCA393223 VRW393223:VSE393223 VIA393223:VII393223 UYE393223:UYM393223 UOI393223:UOQ393223 UEM393223:UEU393223 TUQ393223:TUY393223 TKU393223:TLC393223 TAY393223:TBG393223 SRC393223:SRK393223 SHG393223:SHO393223 RXK393223:RXS393223 RNO393223:RNW393223 RDS393223:REA393223 QTW393223:QUE393223 QKA393223:QKI393223 QAE393223:QAM393223 PQI393223:PQQ393223 PGM393223:PGU393223 OWQ393223:OWY393223 OMU393223:ONC393223 OCY393223:ODG393223 NTC393223:NTK393223 NJG393223:NJO393223 MZK393223:MZS393223 MPO393223:MPW393223 MFS393223:MGA393223 LVW393223:LWE393223 LMA393223:LMI393223 LCE393223:LCM393223 KSI393223:KSQ393223 KIM393223:KIU393223 JYQ393223:JYY393223 JOU393223:JPC393223 JEY393223:JFG393223 IVC393223:IVK393223 ILG393223:ILO393223 IBK393223:IBS393223 HRO393223:HRW393223 HHS393223:HIA393223 GXW393223:GYE393223 GOA393223:GOI393223 GEE393223:GEM393223 FUI393223:FUQ393223 FKM393223:FKU393223 FAQ393223:FAY393223 EQU393223:ERC393223 EGY393223:EHG393223 DXC393223:DXK393223 DNG393223:DNO393223 DDK393223:DDS393223 CTO393223:CTW393223 CJS393223:CKA393223 BZW393223:CAE393223 BQA393223:BQI393223 BGE393223:BGM393223 AWI393223:AWQ393223 AMM393223:AMU393223 ACQ393223:ACY393223 SU393223:TC393223 IY393223:JG393223 I393223:Q393223 WVK327687:WVS327687 WLO327687:WLW327687 WBS327687:WCA327687 VRW327687:VSE327687 VIA327687:VII327687 UYE327687:UYM327687 UOI327687:UOQ327687 UEM327687:UEU327687 TUQ327687:TUY327687 TKU327687:TLC327687 TAY327687:TBG327687 SRC327687:SRK327687 SHG327687:SHO327687 RXK327687:RXS327687 RNO327687:RNW327687 RDS327687:REA327687 QTW327687:QUE327687 QKA327687:QKI327687 QAE327687:QAM327687 PQI327687:PQQ327687 PGM327687:PGU327687 OWQ327687:OWY327687 OMU327687:ONC327687 OCY327687:ODG327687 NTC327687:NTK327687 NJG327687:NJO327687 MZK327687:MZS327687 MPO327687:MPW327687 MFS327687:MGA327687 LVW327687:LWE327687 LMA327687:LMI327687 LCE327687:LCM327687 KSI327687:KSQ327687 KIM327687:KIU327687 JYQ327687:JYY327687 JOU327687:JPC327687 JEY327687:JFG327687 IVC327687:IVK327687 ILG327687:ILO327687 IBK327687:IBS327687 HRO327687:HRW327687 HHS327687:HIA327687 GXW327687:GYE327687 GOA327687:GOI327687 GEE327687:GEM327687 FUI327687:FUQ327687 FKM327687:FKU327687 FAQ327687:FAY327687 EQU327687:ERC327687 EGY327687:EHG327687 DXC327687:DXK327687 DNG327687:DNO327687 DDK327687:DDS327687 CTO327687:CTW327687 CJS327687:CKA327687 BZW327687:CAE327687 BQA327687:BQI327687 BGE327687:BGM327687 AWI327687:AWQ327687 AMM327687:AMU327687 ACQ327687:ACY327687 SU327687:TC327687 IY327687:JG327687 I327687:Q327687 WVK262151:WVS262151 WLO262151:WLW262151 WBS262151:WCA262151 VRW262151:VSE262151 VIA262151:VII262151 UYE262151:UYM262151 UOI262151:UOQ262151 UEM262151:UEU262151 TUQ262151:TUY262151 TKU262151:TLC262151 TAY262151:TBG262151 SRC262151:SRK262151 SHG262151:SHO262151 RXK262151:RXS262151 RNO262151:RNW262151 RDS262151:REA262151 QTW262151:QUE262151 QKA262151:QKI262151 QAE262151:QAM262151 PQI262151:PQQ262151 PGM262151:PGU262151 OWQ262151:OWY262151 OMU262151:ONC262151 OCY262151:ODG262151 NTC262151:NTK262151 NJG262151:NJO262151 MZK262151:MZS262151 MPO262151:MPW262151 MFS262151:MGA262151 LVW262151:LWE262151 LMA262151:LMI262151 LCE262151:LCM262151 KSI262151:KSQ262151 KIM262151:KIU262151 JYQ262151:JYY262151 JOU262151:JPC262151 JEY262151:JFG262151 IVC262151:IVK262151 ILG262151:ILO262151 IBK262151:IBS262151 HRO262151:HRW262151 HHS262151:HIA262151 GXW262151:GYE262151 GOA262151:GOI262151 GEE262151:GEM262151 FUI262151:FUQ262151 FKM262151:FKU262151 FAQ262151:FAY262151 EQU262151:ERC262151 EGY262151:EHG262151 DXC262151:DXK262151 DNG262151:DNO262151 DDK262151:DDS262151 CTO262151:CTW262151 CJS262151:CKA262151 BZW262151:CAE262151 BQA262151:BQI262151 BGE262151:BGM262151 AWI262151:AWQ262151 AMM262151:AMU262151 ACQ262151:ACY262151 SU262151:TC262151 IY262151:JG262151 I262151:Q262151 WVK196615:WVS196615 WLO196615:WLW196615 WBS196615:WCA196615 VRW196615:VSE196615 VIA196615:VII196615 UYE196615:UYM196615 UOI196615:UOQ196615 UEM196615:UEU196615 TUQ196615:TUY196615 TKU196615:TLC196615 TAY196615:TBG196615 SRC196615:SRK196615 SHG196615:SHO196615 RXK196615:RXS196615 RNO196615:RNW196615 RDS196615:REA196615 QTW196615:QUE196615 QKA196615:QKI196615 QAE196615:QAM196615 PQI196615:PQQ196615 PGM196615:PGU196615 OWQ196615:OWY196615 OMU196615:ONC196615 OCY196615:ODG196615 NTC196615:NTK196615 NJG196615:NJO196615 MZK196615:MZS196615 MPO196615:MPW196615 MFS196615:MGA196615 LVW196615:LWE196615 LMA196615:LMI196615 LCE196615:LCM196615 KSI196615:KSQ196615 KIM196615:KIU196615 JYQ196615:JYY196615 JOU196615:JPC196615 JEY196615:JFG196615 IVC196615:IVK196615 ILG196615:ILO196615 IBK196615:IBS196615 HRO196615:HRW196615 HHS196615:HIA196615 GXW196615:GYE196615 GOA196615:GOI196615 GEE196615:GEM196615 FUI196615:FUQ196615 FKM196615:FKU196615 FAQ196615:FAY196615 EQU196615:ERC196615 EGY196615:EHG196615 DXC196615:DXK196615 DNG196615:DNO196615 DDK196615:DDS196615 CTO196615:CTW196615 CJS196615:CKA196615 BZW196615:CAE196615 BQA196615:BQI196615 BGE196615:BGM196615 AWI196615:AWQ196615 AMM196615:AMU196615 ACQ196615:ACY196615 SU196615:TC196615 IY196615:JG196615 I196615:Q196615 WVK131079:WVS131079 WLO131079:WLW131079 WBS131079:WCA131079 VRW131079:VSE131079 VIA131079:VII131079 UYE131079:UYM131079 UOI131079:UOQ131079 UEM131079:UEU131079 TUQ131079:TUY131079 TKU131079:TLC131079 TAY131079:TBG131079 SRC131079:SRK131079 SHG131079:SHO131079 RXK131079:RXS131079 RNO131079:RNW131079 RDS131079:REA131079 QTW131079:QUE131079 QKA131079:QKI131079 QAE131079:QAM131079 PQI131079:PQQ131079 PGM131079:PGU131079 OWQ131079:OWY131079 OMU131079:ONC131079 OCY131079:ODG131079 NTC131079:NTK131079 NJG131079:NJO131079 MZK131079:MZS131079 MPO131079:MPW131079 MFS131079:MGA131079 LVW131079:LWE131079 LMA131079:LMI131079 LCE131079:LCM131079 KSI131079:KSQ131079 KIM131079:KIU131079 JYQ131079:JYY131079 JOU131079:JPC131079 JEY131079:JFG131079 IVC131079:IVK131079 ILG131079:ILO131079 IBK131079:IBS131079 HRO131079:HRW131079 HHS131079:HIA131079 GXW131079:GYE131079 GOA131079:GOI131079 GEE131079:GEM131079 FUI131079:FUQ131079 FKM131079:FKU131079 FAQ131079:FAY131079 EQU131079:ERC131079 EGY131079:EHG131079 DXC131079:DXK131079 DNG131079:DNO131079 DDK131079:DDS131079 CTO131079:CTW131079 CJS131079:CKA131079 BZW131079:CAE131079 BQA131079:BQI131079 BGE131079:BGM131079 AWI131079:AWQ131079 AMM131079:AMU131079 ACQ131079:ACY131079 SU131079:TC131079 IY131079:JG131079 I131079:Q131079 WVK65543:WVS65543 WLO65543:WLW65543 WBS65543:WCA65543 VRW65543:VSE65543 VIA65543:VII65543 UYE65543:UYM65543 UOI65543:UOQ65543 UEM65543:UEU65543 TUQ65543:TUY65543 TKU65543:TLC65543 TAY65543:TBG65543 SRC65543:SRK65543 SHG65543:SHO65543 RXK65543:RXS65543 RNO65543:RNW65543 RDS65543:REA65543 QTW65543:QUE65543 QKA65543:QKI65543 QAE65543:QAM65543 PQI65543:PQQ65543 PGM65543:PGU65543 OWQ65543:OWY65543 OMU65543:ONC65543 OCY65543:ODG65543 NTC65543:NTK65543 NJG65543:NJO65543 MZK65543:MZS65543 MPO65543:MPW65543 MFS65543:MGA65543 LVW65543:LWE65543 LMA65543:LMI65543 LCE65543:LCM65543 KSI65543:KSQ65543 KIM65543:KIU65543 JYQ65543:JYY65543 JOU65543:JPC65543 JEY65543:JFG65543 IVC65543:IVK65543 ILG65543:ILO65543 IBK65543:IBS65543 HRO65543:HRW65543 HHS65543:HIA65543 GXW65543:GYE65543 GOA65543:GOI65543 GEE65543:GEM65543 FUI65543:FUQ65543 FKM65543:FKU65543 FAQ65543:FAY65543 EQU65543:ERC65543 EGY65543:EHG65543 DXC65543:DXK65543 DNG65543:DNO65543 DDK65543:DDS65543 CTO65543:CTW65543 CJS65543:CKA65543 BZW65543:CAE65543 BQA65543:BQI65543 BGE65543:BGM65543 AWI65543:AWQ65543 AMM65543:AMU65543 ACQ65543:ACY65543 SU65543:TC65543 IY65543:JG65543 I65543:Q65543 WVE983046 WLI983046 WBM983046 VRQ983046 VHU983046 UXY983046 UOC983046 UEG983046 TUK983046 TKO983046 TAS983046 SQW983046 SHA983046 RXE983046 RNI983046 RDM983046 QTQ983046 QJU983046 PZY983046 PQC983046 PGG983046 OWK983046 OMO983046 OCS983046 NSW983046 NJA983046 MZE983046 MPI983046 MFM983046 LVQ983046 LLU983046 LBY983046 KSC983046 KIG983046 JYK983046 JOO983046 JES983046 IUW983046 ILA983046 IBE983046 HRI983046 HHM983046 GXQ983046 GNU983046 GDY983046 FUC983046 FKG983046 FAK983046 EQO983046 EGS983046 DWW983046 DNA983046 DDE983046 CTI983046 CJM983046 BZQ983046 BPU983046 BFY983046 AWC983046 AMG983046 ACK983046 SO983046 IS983046 C983046 WVE917510 WLI917510 WBM917510 VRQ917510 VHU917510 UXY917510 UOC917510 UEG917510 TUK917510 TKO917510 TAS917510 SQW917510 SHA917510 RXE917510 RNI917510 RDM917510 QTQ917510 QJU917510 PZY917510 PQC917510 PGG917510 OWK917510 OMO917510 OCS917510 NSW917510 NJA917510 MZE917510 MPI917510 MFM917510 LVQ917510 LLU917510 LBY917510 KSC917510 KIG917510 JYK917510 JOO917510 JES917510 IUW917510 ILA917510 IBE917510 HRI917510 HHM917510 GXQ917510 GNU917510 GDY917510 FUC917510 FKG917510 FAK917510 EQO917510 EGS917510 DWW917510 DNA917510 DDE917510 CTI917510 CJM917510 BZQ917510 BPU917510 BFY917510 AWC917510 AMG917510 ACK917510 SO917510 IS917510 C917510 WVE851974 WLI851974 WBM851974 VRQ851974 VHU851974 UXY851974 UOC851974 UEG851974 TUK851974 TKO851974 TAS851974 SQW851974 SHA851974 RXE851974 RNI851974 RDM851974 QTQ851974 QJU851974 PZY851974 PQC851974 PGG851974 OWK851974 OMO851974 OCS851974 NSW851974 NJA851974 MZE851974 MPI851974 MFM851974 LVQ851974 LLU851974 LBY851974 KSC851974 KIG851974 JYK851974 JOO851974 JES851974 IUW851974 ILA851974 IBE851974 HRI851974 HHM851974 GXQ851974 GNU851974 GDY851974 FUC851974 FKG851974 FAK851974 EQO851974 EGS851974 DWW851974 DNA851974 DDE851974 CTI851974 CJM851974 BZQ851974 BPU851974 BFY851974 AWC851974 AMG851974 ACK851974 SO851974 IS851974 C851974 WVE786438 WLI786438 WBM786438 VRQ786438 VHU786438 UXY786438 UOC786438 UEG786438 TUK786438 TKO786438 TAS786438 SQW786438 SHA786438 RXE786438 RNI786438 RDM786438 QTQ786438 QJU786438 PZY786438 PQC786438 PGG786438 OWK786438 OMO786438 OCS786438 NSW786438 NJA786438 MZE786438 MPI786438 MFM786438 LVQ786438 LLU786438 LBY786438 KSC786438 KIG786438 JYK786438 JOO786438 JES786438 IUW786438 ILA786438 IBE786438 HRI786438 HHM786438 GXQ786438 GNU786438 GDY786438 FUC786438 FKG786438 FAK786438 EQO786438 EGS786438 DWW786438 DNA786438 DDE786438 CTI786438 CJM786438 BZQ786438 BPU786438 BFY786438 AWC786438 AMG786438 ACK786438 SO786438 IS786438 C786438 WVE720902 WLI720902 WBM720902 VRQ720902 VHU720902 UXY720902 UOC720902 UEG720902 TUK720902 TKO720902 TAS720902 SQW720902 SHA720902 RXE720902 RNI720902 RDM720902 QTQ720902 QJU720902 PZY720902 PQC720902 PGG720902 OWK720902 OMO720902 OCS720902 NSW720902 NJA720902 MZE720902 MPI720902 MFM720902 LVQ720902 LLU720902 LBY720902 KSC720902 KIG720902 JYK720902 JOO720902 JES720902 IUW720902 ILA720902 IBE720902 HRI720902 HHM720902 GXQ720902 GNU720902 GDY720902 FUC720902 FKG720902 FAK720902 EQO720902 EGS720902 DWW720902 DNA720902 DDE720902 CTI720902 CJM720902 BZQ720902 BPU720902 BFY720902 AWC720902 AMG720902 ACK720902 SO720902 IS720902 C720902 WVE655366 WLI655366 WBM655366 VRQ655366 VHU655366 UXY655366 UOC655366 UEG655366 TUK655366 TKO655366 TAS655366 SQW655366 SHA655366 RXE655366 RNI655366 RDM655366 QTQ655366 QJU655366 PZY655366 PQC655366 PGG655366 OWK655366 OMO655366 OCS655366 NSW655366 NJA655366 MZE655366 MPI655366 MFM655366 LVQ655366 LLU655366 LBY655366 KSC655366 KIG655366 JYK655366 JOO655366 JES655366 IUW655366 ILA655366 IBE655366 HRI655366 HHM655366 GXQ655366 GNU655366 GDY655366 FUC655366 FKG655366 FAK655366 EQO655366 EGS655366 DWW655366 DNA655366 DDE655366 CTI655366 CJM655366 BZQ655366 BPU655366 BFY655366 AWC655366 AMG655366 ACK655366 SO655366 IS655366 C655366 WVE589830 WLI589830 WBM589830 VRQ589830 VHU589830 UXY589830 UOC589830 UEG589830 TUK589830 TKO589830 TAS589830 SQW589830 SHA589830 RXE589830 RNI589830 RDM589830 QTQ589830 QJU589830 PZY589830 PQC589830 PGG589830 OWK589830 OMO589830 OCS589830 NSW589830 NJA589830 MZE589830 MPI589830 MFM589830 LVQ589830 LLU589830 LBY589830 KSC589830 KIG589830 JYK589830 JOO589830 JES589830 IUW589830 ILA589830 IBE589830 HRI589830 HHM589830 GXQ589830 GNU589830 GDY589830 FUC589830 FKG589830 FAK589830 EQO589830 EGS589830 DWW589830 DNA589830 DDE589830 CTI589830 CJM589830 BZQ589830 BPU589830 BFY589830 AWC589830 AMG589830 ACK589830 SO589830 IS589830 C589830 WVE524294 WLI524294 WBM524294 VRQ524294 VHU524294 UXY524294 UOC524294 UEG524294 TUK524294 TKO524294 TAS524294 SQW524294 SHA524294 RXE524294 RNI524294 RDM524294 QTQ524294 QJU524294 PZY524294 PQC524294 PGG524294 OWK524294 OMO524294 OCS524294 NSW524294 NJA524294 MZE524294 MPI524294 MFM524294 LVQ524294 LLU524294 LBY524294 KSC524294 KIG524294 JYK524294 JOO524294 JES524294 IUW524294 ILA524294 IBE524294 HRI524294 HHM524294 GXQ524294 GNU524294 GDY524294 FUC524294 FKG524294 FAK524294 EQO524294 EGS524294 DWW524294 DNA524294 DDE524294 CTI524294 CJM524294 BZQ524294 BPU524294 BFY524294 AWC524294 AMG524294 ACK524294 SO524294 IS524294 C524294 WVE458758 WLI458758 WBM458758 VRQ458758 VHU458758 UXY458758 UOC458758 UEG458758 TUK458758 TKO458758 TAS458758 SQW458758 SHA458758 RXE458758 RNI458758 RDM458758 QTQ458758 QJU458758 PZY458758 PQC458758 PGG458758 OWK458758 OMO458758 OCS458758 NSW458758 NJA458758 MZE458758 MPI458758 MFM458758 LVQ458758 LLU458758 LBY458758 KSC458758 KIG458758 JYK458758 JOO458758 JES458758 IUW458758 ILA458758 IBE458758 HRI458758 HHM458758 GXQ458758 GNU458758 GDY458758 FUC458758 FKG458758 FAK458758 EQO458758 EGS458758 DWW458758 DNA458758 DDE458758 CTI458758 CJM458758 BZQ458758 BPU458758 BFY458758 AWC458758 AMG458758 ACK458758 SO458758 IS458758 C458758 WVE393222 WLI393222 WBM393222 VRQ393222 VHU393222 UXY393222 UOC393222 UEG393222 TUK393222 TKO393222 TAS393222 SQW393222 SHA393222 RXE393222 RNI393222 RDM393222 QTQ393222 QJU393222 PZY393222 PQC393222 PGG393222 OWK393222 OMO393222 OCS393222 NSW393222 NJA393222 MZE393222 MPI393222 MFM393222 LVQ393222 LLU393222 LBY393222 KSC393222 KIG393222 JYK393222 JOO393222 JES393222 IUW393222 ILA393222 IBE393222 HRI393222 HHM393222 GXQ393222 GNU393222 GDY393222 FUC393222 FKG393222 FAK393222 EQO393222 EGS393222 DWW393222 DNA393222 DDE393222 CTI393222 CJM393222 BZQ393222 BPU393222 BFY393222 AWC393222 AMG393222 ACK393222 SO393222 IS393222 C393222 WVE327686 WLI327686 WBM327686 VRQ327686 VHU327686 UXY327686 UOC327686 UEG327686 TUK327686 TKO327686 TAS327686 SQW327686 SHA327686 RXE327686 RNI327686 RDM327686 QTQ327686 QJU327686 PZY327686 PQC327686 PGG327686 OWK327686 OMO327686 OCS327686 NSW327686 NJA327686 MZE327686 MPI327686 MFM327686 LVQ327686 LLU327686 LBY327686 KSC327686 KIG327686 JYK327686 JOO327686 JES327686 IUW327686 ILA327686 IBE327686 HRI327686 HHM327686 GXQ327686 GNU327686 GDY327686 FUC327686 FKG327686 FAK327686 EQO327686 EGS327686 DWW327686 DNA327686 DDE327686 CTI327686 CJM327686 BZQ327686 BPU327686 BFY327686 AWC327686 AMG327686 ACK327686 SO327686 IS327686 C327686 WVE262150 WLI262150 WBM262150 VRQ262150 VHU262150 UXY262150 UOC262150 UEG262150 TUK262150 TKO262150 TAS262150 SQW262150 SHA262150 RXE262150 RNI262150 RDM262150 QTQ262150 QJU262150 PZY262150 PQC262150 PGG262150 OWK262150 OMO262150 OCS262150 NSW262150 NJA262150 MZE262150 MPI262150 MFM262150 LVQ262150 LLU262150 LBY262150 KSC262150 KIG262150 JYK262150 JOO262150 JES262150 IUW262150 ILA262150 IBE262150 HRI262150 HHM262150 GXQ262150 GNU262150 GDY262150 FUC262150 FKG262150 FAK262150 EQO262150 EGS262150 DWW262150 DNA262150 DDE262150 CTI262150 CJM262150 BZQ262150 BPU262150 BFY262150 AWC262150 AMG262150 ACK262150 SO262150 IS262150 C262150 WVE196614 WLI196614 WBM196614 VRQ196614 VHU196614 UXY196614 UOC196614 UEG196614 TUK196614 TKO196614 TAS196614 SQW196614 SHA196614 RXE196614 RNI196614 RDM196614 QTQ196614 QJU196614 PZY196614 PQC196614 PGG196614 OWK196614 OMO196614 OCS196614 NSW196614 NJA196614 MZE196614 MPI196614 MFM196614 LVQ196614 LLU196614 LBY196614 KSC196614 KIG196614 JYK196614 JOO196614 JES196614 IUW196614 ILA196614 IBE196614 HRI196614 HHM196614 GXQ196614 GNU196614 GDY196614 FUC196614 FKG196614 FAK196614 EQO196614 EGS196614 DWW196614 DNA196614 DDE196614 CTI196614 CJM196614 BZQ196614 BPU196614 BFY196614 AWC196614 AMG196614 ACK196614 SO196614 IS196614 C196614 WVE131078 WLI131078 WBM131078 VRQ131078 VHU131078 UXY131078 UOC131078 UEG131078 TUK131078 TKO131078 TAS131078 SQW131078 SHA131078 RXE131078 RNI131078 RDM131078 QTQ131078 QJU131078 PZY131078 PQC131078 PGG131078 OWK131078 OMO131078 OCS131078 NSW131078 NJA131078 MZE131078 MPI131078 MFM131078 LVQ131078 LLU131078 LBY131078 KSC131078 KIG131078 JYK131078 JOO131078 JES131078 IUW131078 ILA131078 IBE131078 HRI131078 HHM131078 GXQ131078 GNU131078 GDY131078 FUC131078 FKG131078 FAK131078 EQO131078 EGS131078 DWW131078 DNA131078 DDE131078 CTI131078 CJM131078 BZQ131078 BPU131078 BFY131078 AWC131078 AMG131078 ACK131078 SO131078 IS131078 C131078 WVE65542 WLI65542 WBM65542 VRQ65542 VHU65542 UXY65542 UOC65542 UEG65542 TUK65542 TKO65542 TAS65542 SQW65542 SHA65542 RXE65542 RNI65542 RDM65542 QTQ65542 QJU65542 PZY65542 PQC65542 PGG65542 OWK65542 OMO65542 OCS65542 NSW65542 NJA65542 MZE65542 MPI65542 MFM65542 LVQ65542 LLU65542 LBY65542 KSC65542 KIG65542 JYK65542 JOO65542 JES65542 IUW65542 ILA65542 IBE65542 HRI65542 HHM65542 GXQ65542 GNU65542 GDY65542 FUC65542 FKG65542 FAK65542 EQO65542 EGS65542 DWW65542 DNA65542 DDE65542 CTI65542 CJM65542 BZQ65542 BPU65542 BFY65542 AWC65542 AMG65542 ACK65542 SO65542 IS65542 C65542" xr:uid="{00000000-0002-0000-0700-000003000000}">
      <formula1>C65542=DBCS(C65542)</formula1>
    </dataValidation>
    <dataValidation type="custom" allowBlank="1" showInputMessage="1" showErrorMessage="1" errorTitle="全角英数字" error="全角英数字で入力してください" sqref="WVF983028:WVQ983030 WLJ983028:WLU983030 WBN983028:WBY983030 VRR983028:VSC983030 VHV983028:VIG983030 UXZ983028:UYK983030 UOD983028:UOO983030 UEH983028:UES983030 TUL983028:TUW983030 TKP983028:TLA983030 TAT983028:TBE983030 SQX983028:SRI983030 SHB983028:SHM983030 RXF983028:RXQ983030 RNJ983028:RNU983030 RDN983028:RDY983030 QTR983028:QUC983030 QJV983028:QKG983030 PZZ983028:QAK983030 PQD983028:PQO983030 PGH983028:PGS983030 OWL983028:OWW983030 OMP983028:ONA983030 OCT983028:ODE983030 NSX983028:NTI983030 NJB983028:NJM983030 MZF983028:MZQ983030 MPJ983028:MPU983030 MFN983028:MFY983030 LVR983028:LWC983030 LLV983028:LMG983030 LBZ983028:LCK983030 KSD983028:KSO983030 KIH983028:KIS983030 JYL983028:JYW983030 JOP983028:JPA983030 JET983028:JFE983030 IUX983028:IVI983030 ILB983028:ILM983030 IBF983028:IBQ983030 HRJ983028:HRU983030 HHN983028:HHY983030 GXR983028:GYC983030 GNV983028:GOG983030 GDZ983028:GEK983030 FUD983028:FUO983030 FKH983028:FKS983030 FAL983028:FAW983030 EQP983028:ERA983030 EGT983028:EHE983030 DWX983028:DXI983030 DNB983028:DNM983030 DDF983028:DDQ983030 CTJ983028:CTU983030 CJN983028:CJY983030 BZR983028:CAC983030 BPV983028:BQG983030 BFZ983028:BGK983030 AWD983028:AWO983030 AMH983028:AMS983030 ACL983028:ACW983030 SP983028:TA983030 IT983028:JE983030 D983028:O983030 WVF917492:WVQ917494 WLJ917492:WLU917494 WBN917492:WBY917494 VRR917492:VSC917494 VHV917492:VIG917494 UXZ917492:UYK917494 UOD917492:UOO917494 UEH917492:UES917494 TUL917492:TUW917494 TKP917492:TLA917494 TAT917492:TBE917494 SQX917492:SRI917494 SHB917492:SHM917494 RXF917492:RXQ917494 RNJ917492:RNU917494 RDN917492:RDY917494 QTR917492:QUC917494 QJV917492:QKG917494 PZZ917492:QAK917494 PQD917492:PQO917494 PGH917492:PGS917494 OWL917492:OWW917494 OMP917492:ONA917494 OCT917492:ODE917494 NSX917492:NTI917494 NJB917492:NJM917494 MZF917492:MZQ917494 MPJ917492:MPU917494 MFN917492:MFY917494 LVR917492:LWC917494 LLV917492:LMG917494 LBZ917492:LCK917494 KSD917492:KSO917494 KIH917492:KIS917494 JYL917492:JYW917494 JOP917492:JPA917494 JET917492:JFE917494 IUX917492:IVI917494 ILB917492:ILM917494 IBF917492:IBQ917494 HRJ917492:HRU917494 HHN917492:HHY917494 GXR917492:GYC917494 GNV917492:GOG917494 GDZ917492:GEK917494 FUD917492:FUO917494 FKH917492:FKS917494 FAL917492:FAW917494 EQP917492:ERA917494 EGT917492:EHE917494 DWX917492:DXI917494 DNB917492:DNM917494 DDF917492:DDQ917494 CTJ917492:CTU917494 CJN917492:CJY917494 BZR917492:CAC917494 BPV917492:BQG917494 BFZ917492:BGK917494 AWD917492:AWO917494 AMH917492:AMS917494 ACL917492:ACW917494 SP917492:TA917494 IT917492:JE917494 D917492:O917494 WVF851956:WVQ851958 WLJ851956:WLU851958 WBN851956:WBY851958 VRR851956:VSC851958 VHV851956:VIG851958 UXZ851956:UYK851958 UOD851956:UOO851958 UEH851956:UES851958 TUL851956:TUW851958 TKP851956:TLA851958 TAT851956:TBE851958 SQX851956:SRI851958 SHB851956:SHM851958 RXF851956:RXQ851958 RNJ851956:RNU851958 RDN851956:RDY851958 QTR851956:QUC851958 QJV851956:QKG851958 PZZ851956:QAK851958 PQD851956:PQO851958 PGH851956:PGS851958 OWL851956:OWW851958 OMP851956:ONA851958 OCT851956:ODE851958 NSX851956:NTI851958 NJB851956:NJM851958 MZF851956:MZQ851958 MPJ851956:MPU851958 MFN851956:MFY851958 LVR851956:LWC851958 LLV851956:LMG851958 LBZ851956:LCK851958 KSD851956:KSO851958 KIH851956:KIS851958 JYL851956:JYW851958 JOP851956:JPA851958 JET851956:JFE851958 IUX851956:IVI851958 ILB851956:ILM851958 IBF851956:IBQ851958 HRJ851956:HRU851958 HHN851956:HHY851958 GXR851956:GYC851958 GNV851956:GOG851958 GDZ851956:GEK851958 FUD851956:FUO851958 FKH851956:FKS851958 FAL851956:FAW851958 EQP851956:ERA851958 EGT851956:EHE851958 DWX851956:DXI851958 DNB851956:DNM851958 DDF851956:DDQ851958 CTJ851956:CTU851958 CJN851956:CJY851958 BZR851956:CAC851958 BPV851956:BQG851958 BFZ851956:BGK851958 AWD851956:AWO851958 AMH851956:AMS851958 ACL851956:ACW851958 SP851956:TA851958 IT851956:JE851958 D851956:O851958 WVF786420:WVQ786422 WLJ786420:WLU786422 WBN786420:WBY786422 VRR786420:VSC786422 VHV786420:VIG786422 UXZ786420:UYK786422 UOD786420:UOO786422 UEH786420:UES786422 TUL786420:TUW786422 TKP786420:TLA786422 TAT786420:TBE786422 SQX786420:SRI786422 SHB786420:SHM786422 RXF786420:RXQ786422 RNJ786420:RNU786422 RDN786420:RDY786422 QTR786420:QUC786422 QJV786420:QKG786422 PZZ786420:QAK786422 PQD786420:PQO786422 PGH786420:PGS786422 OWL786420:OWW786422 OMP786420:ONA786422 OCT786420:ODE786422 NSX786420:NTI786422 NJB786420:NJM786422 MZF786420:MZQ786422 MPJ786420:MPU786422 MFN786420:MFY786422 LVR786420:LWC786422 LLV786420:LMG786422 LBZ786420:LCK786422 KSD786420:KSO786422 KIH786420:KIS786422 JYL786420:JYW786422 JOP786420:JPA786422 JET786420:JFE786422 IUX786420:IVI786422 ILB786420:ILM786422 IBF786420:IBQ786422 HRJ786420:HRU786422 HHN786420:HHY786422 GXR786420:GYC786422 GNV786420:GOG786422 GDZ786420:GEK786422 FUD786420:FUO786422 FKH786420:FKS786422 FAL786420:FAW786422 EQP786420:ERA786422 EGT786420:EHE786422 DWX786420:DXI786422 DNB786420:DNM786422 DDF786420:DDQ786422 CTJ786420:CTU786422 CJN786420:CJY786422 BZR786420:CAC786422 BPV786420:BQG786422 BFZ786420:BGK786422 AWD786420:AWO786422 AMH786420:AMS786422 ACL786420:ACW786422 SP786420:TA786422 IT786420:JE786422 D786420:O786422 WVF720884:WVQ720886 WLJ720884:WLU720886 WBN720884:WBY720886 VRR720884:VSC720886 VHV720884:VIG720886 UXZ720884:UYK720886 UOD720884:UOO720886 UEH720884:UES720886 TUL720884:TUW720886 TKP720884:TLA720886 TAT720884:TBE720886 SQX720884:SRI720886 SHB720884:SHM720886 RXF720884:RXQ720886 RNJ720884:RNU720886 RDN720884:RDY720886 QTR720884:QUC720886 QJV720884:QKG720886 PZZ720884:QAK720886 PQD720884:PQO720886 PGH720884:PGS720886 OWL720884:OWW720886 OMP720884:ONA720886 OCT720884:ODE720886 NSX720884:NTI720886 NJB720884:NJM720886 MZF720884:MZQ720886 MPJ720884:MPU720886 MFN720884:MFY720886 LVR720884:LWC720886 LLV720884:LMG720886 LBZ720884:LCK720886 KSD720884:KSO720886 KIH720884:KIS720886 JYL720884:JYW720886 JOP720884:JPA720886 JET720884:JFE720886 IUX720884:IVI720886 ILB720884:ILM720886 IBF720884:IBQ720886 HRJ720884:HRU720886 HHN720884:HHY720886 GXR720884:GYC720886 GNV720884:GOG720886 GDZ720884:GEK720886 FUD720884:FUO720886 FKH720884:FKS720886 FAL720884:FAW720886 EQP720884:ERA720886 EGT720884:EHE720886 DWX720884:DXI720886 DNB720884:DNM720886 DDF720884:DDQ720886 CTJ720884:CTU720886 CJN720884:CJY720886 BZR720884:CAC720886 BPV720884:BQG720886 BFZ720884:BGK720886 AWD720884:AWO720886 AMH720884:AMS720886 ACL720884:ACW720886 SP720884:TA720886 IT720884:JE720886 D720884:O720886 WVF655348:WVQ655350 WLJ655348:WLU655350 WBN655348:WBY655350 VRR655348:VSC655350 VHV655348:VIG655350 UXZ655348:UYK655350 UOD655348:UOO655350 UEH655348:UES655350 TUL655348:TUW655350 TKP655348:TLA655350 TAT655348:TBE655350 SQX655348:SRI655350 SHB655348:SHM655350 RXF655348:RXQ655350 RNJ655348:RNU655350 RDN655348:RDY655350 QTR655348:QUC655350 QJV655348:QKG655350 PZZ655348:QAK655350 PQD655348:PQO655350 PGH655348:PGS655350 OWL655348:OWW655350 OMP655348:ONA655350 OCT655348:ODE655350 NSX655348:NTI655350 NJB655348:NJM655350 MZF655348:MZQ655350 MPJ655348:MPU655350 MFN655348:MFY655350 LVR655348:LWC655350 LLV655348:LMG655350 LBZ655348:LCK655350 KSD655348:KSO655350 KIH655348:KIS655350 JYL655348:JYW655350 JOP655348:JPA655350 JET655348:JFE655350 IUX655348:IVI655350 ILB655348:ILM655350 IBF655348:IBQ655350 HRJ655348:HRU655350 HHN655348:HHY655350 GXR655348:GYC655350 GNV655348:GOG655350 GDZ655348:GEK655350 FUD655348:FUO655350 FKH655348:FKS655350 FAL655348:FAW655350 EQP655348:ERA655350 EGT655348:EHE655350 DWX655348:DXI655350 DNB655348:DNM655350 DDF655348:DDQ655350 CTJ655348:CTU655350 CJN655348:CJY655350 BZR655348:CAC655350 BPV655348:BQG655350 BFZ655348:BGK655350 AWD655348:AWO655350 AMH655348:AMS655350 ACL655348:ACW655350 SP655348:TA655350 IT655348:JE655350 D655348:O655350 WVF589812:WVQ589814 WLJ589812:WLU589814 WBN589812:WBY589814 VRR589812:VSC589814 VHV589812:VIG589814 UXZ589812:UYK589814 UOD589812:UOO589814 UEH589812:UES589814 TUL589812:TUW589814 TKP589812:TLA589814 TAT589812:TBE589814 SQX589812:SRI589814 SHB589812:SHM589814 RXF589812:RXQ589814 RNJ589812:RNU589814 RDN589812:RDY589814 QTR589812:QUC589814 QJV589812:QKG589814 PZZ589812:QAK589814 PQD589812:PQO589814 PGH589812:PGS589814 OWL589812:OWW589814 OMP589812:ONA589814 OCT589812:ODE589814 NSX589812:NTI589814 NJB589812:NJM589814 MZF589812:MZQ589814 MPJ589812:MPU589814 MFN589812:MFY589814 LVR589812:LWC589814 LLV589812:LMG589814 LBZ589812:LCK589814 KSD589812:KSO589814 KIH589812:KIS589814 JYL589812:JYW589814 JOP589812:JPA589814 JET589812:JFE589814 IUX589812:IVI589814 ILB589812:ILM589814 IBF589812:IBQ589814 HRJ589812:HRU589814 HHN589812:HHY589814 GXR589812:GYC589814 GNV589812:GOG589814 GDZ589812:GEK589814 FUD589812:FUO589814 FKH589812:FKS589814 FAL589812:FAW589814 EQP589812:ERA589814 EGT589812:EHE589814 DWX589812:DXI589814 DNB589812:DNM589814 DDF589812:DDQ589814 CTJ589812:CTU589814 CJN589812:CJY589814 BZR589812:CAC589814 BPV589812:BQG589814 BFZ589812:BGK589814 AWD589812:AWO589814 AMH589812:AMS589814 ACL589812:ACW589814 SP589812:TA589814 IT589812:JE589814 D589812:O589814 WVF524276:WVQ524278 WLJ524276:WLU524278 WBN524276:WBY524278 VRR524276:VSC524278 VHV524276:VIG524278 UXZ524276:UYK524278 UOD524276:UOO524278 UEH524276:UES524278 TUL524276:TUW524278 TKP524276:TLA524278 TAT524276:TBE524278 SQX524276:SRI524278 SHB524276:SHM524278 RXF524276:RXQ524278 RNJ524276:RNU524278 RDN524276:RDY524278 QTR524276:QUC524278 QJV524276:QKG524278 PZZ524276:QAK524278 PQD524276:PQO524278 PGH524276:PGS524278 OWL524276:OWW524278 OMP524276:ONA524278 OCT524276:ODE524278 NSX524276:NTI524278 NJB524276:NJM524278 MZF524276:MZQ524278 MPJ524276:MPU524278 MFN524276:MFY524278 LVR524276:LWC524278 LLV524276:LMG524278 LBZ524276:LCK524278 KSD524276:KSO524278 KIH524276:KIS524278 JYL524276:JYW524278 JOP524276:JPA524278 JET524276:JFE524278 IUX524276:IVI524278 ILB524276:ILM524278 IBF524276:IBQ524278 HRJ524276:HRU524278 HHN524276:HHY524278 GXR524276:GYC524278 GNV524276:GOG524278 GDZ524276:GEK524278 FUD524276:FUO524278 FKH524276:FKS524278 FAL524276:FAW524278 EQP524276:ERA524278 EGT524276:EHE524278 DWX524276:DXI524278 DNB524276:DNM524278 DDF524276:DDQ524278 CTJ524276:CTU524278 CJN524276:CJY524278 BZR524276:CAC524278 BPV524276:BQG524278 BFZ524276:BGK524278 AWD524276:AWO524278 AMH524276:AMS524278 ACL524276:ACW524278 SP524276:TA524278 IT524276:JE524278 D524276:O524278 WVF458740:WVQ458742 WLJ458740:WLU458742 WBN458740:WBY458742 VRR458740:VSC458742 VHV458740:VIG458742 UXZ458740:UYK458742 UOD458740:UOO458742 UEH458740:UES458742 TUL458740:TUW458742 TKP458740:TLA458742 TAT458740:TBE458742 SQX458740:SRI458742 SHB458740:SHM458742 RXF458740:RXQ458742 RNJ458740:RNU458742 RDN458740:RDY458742 QTR458740:QUC458742 QJV458740:QKG458742 PZZ458740:QAK458742 PQD458740:PQO458742 PGH458740:PGS458742 OWL458740:OWW458742 OMP458740:ONA458742 OCT458740:ODE458742 NSX458740:NTI458742 NJB458740:NJM458742 MZF458740:MZQ458742 MPJ458740:MPU458742 MFN458740:MFY458742 LVR458740:LWC458742 LLV458740:LMG458742 LBZ458740:LCK458742 KSD458740:KSO458742 KIH458740:KIS458742 JYL458740:JYW458742 JOP458740:JPA458742 JET458740:JFE458742 IUX458740:IVI458742 ILB458740:ILM458742 IBF458740:IBQ458742 HRJ458740:HRU458742 HHN458740:HHY458742 GXR458740:GYC458742 GNV458740:GOG458742 GDZ458740:GEK458742 FUD458740:FUO458742 FKH458740:FKS458742 FAL458740:FAW458742 EQP458740:ERA458742 EGT458740:EHE458742 DWX458740:DXI458742 DNB458740:DNM458742 DDF458740:DDQ458742 CTJ458740:CTU458742 CJN458740:CJY458742 BZR458740:CAC458742 BPV458740:BQG458742 BFZ458740:BGK458742 AWD458740:AWO458742 AMH458740:AMS458742 ACL458740:ACW458742 SP458740:TA458742 IT458740:JE458742 D458740:O458742 WVF393204:WVQ393206 WLJ393204:WLU393206 WBN393204:WBY393206 VRR393204:VSC393206 VHV393204:VIG393206 UXZ393204:UYK393206 UOD393204:UOO393206 UEH393204:UES393206 TUL393204:TUW393206 TKP393204:TLA393206 TAT393204:TBE393206 SQX393204:SRI393206 SHB393204:SHM393206 RXF393204:RXQ393206 RNJ393204:RNU393206 RDN393204:RDY393206 QTR393204:QUC393206 QJV393204:QKG393206 PZZ393204:QAK393206 PQD393204:PQO393206 PGH393204:PGS393206 OWL393204:OWW393206 OMP393204:ONA393206 OCT393204:ODE393206 NSX393204:NTI393206 NJB393204:NJM393206 MZF393204:MZQ393206 MPJ393204:MPU393206 MFN393204:MFY393206 LVR393204:LWC393206 LLV393204:LMG393206 LBZ393204:LCK393206 KSD393204:KSO393206 KIH393204:KIS393206 JYL393204:JYW393206 JOP393204:JPA393206 JET393204:JFE393206 IUX393204:IVI393206 ILB393204:ILM393206 IBF393204:IBQ393206 HRJ393204:HRU393206 HHN393204:HHY393206 GXR393204:GYC393206 GNV393204:GOG393206 GDZ393204:GEK393206 FUD393204:FUO393206 FKH393204:FKS393206 FAL393204:FAW393206 EQP393204:ERA393206 EGT393204:EHE393206 DWX393204:DXI393206 DNB393204:DNM393206 DDF393204:DDQ393206 CTJ393204:CTU393206 CJN393204:CJY393206 BZR393204:CAC393206 BPV393204:BQG393206 BFZ393204:BGK393206 AWD393204:AWO393206 AMH393204:AMS393206 ACL393204:ACW393206 SP393204:TA393206 IT393204:JE393206 D393204:O393206 WVF327668:WVQ327670 WLJ327668:WLU327670 WBN327668:WBY327670 VRR327668:VSC327670 VHV327668:VIG327670 UXZ327668:UYK327670 UOD327668:UOO327670 UEH327668:UES327670 TUL327668:TUW327670 TKP327668:TLA327670 TAT327668:TBE327670 SQX327668:SRI327670 SHB327668:SHM327670 RXF327668:RXQ327670 RNJ327668:RNU327670 RDN327668:RDY327670 QTR327668:QUC327670 QJV327668:QKG327670 PZZ327668:QAK327670 PQD327668:PQO327670 PGH327668:PGS327670 OWL327668:OWW327670 OMP327668:ONA327670 OCT327668:ODE327670 NSX327668:NTI327670 NJB327668:NJM327670 MZF327668:MZQ327670 MPJ327668:MPU327670 MFN327668:MFY327670 LVR327668:LWC327670 LLV327668:LMG327670 LBZ327668:LCK327670 KSD327668:KSO327670 KIH327668:KIS327670 JYL327668:JYW327670 JOP327668:JPA327670 JET327668:JFE327670 IUX327668:IVI327670 ILB327668:ILM327670 IBF327668:IBQ327670 HRJ327668:HRU327670 HHN327668:HHY327670 GXR327668:GYC327670 GNV327668:GOG327670 GDZ327668:GEK327670 FUD327668:FUO327670 FKH327668:FKS327670 FAL327668:FAW327670 EQP327668:ERA327670 EGT327668:EHE327670 DWX327668:DXI327670 DNB327668:DNM327670 DDF327668:DDQ327670 CTJ327668:CTU327670 CJN327668:CJY327670 BZR327668:CAC327670 BPV327668:BQG327670 BFZ327668:BGK327670 AWD327668:AWO327670 AMH327668:AMS327670 ACL327668:ACW327670 SP327668:TA327670 IT327668:JE327670 D327668:O327670 WVF262132:WVQ262134 WLJ262132:WLU262134 WBN262132:WBY262134 VRR262132:VSC262134 VHV262132:VIG262134 UXZ262132:UYK262134 UOD262132:UOO262134 UEH262132:UES262134 TUL262132:TUW262134 TKP262132:TLA262134 TAT262132:TBE262134 SQX262132:SRI262134 SHB262132:SHM262134 RXF262132:RXQ262134 RNJ262132:RNU262134 RDN262132:RDY262134 QTR262132:QUC262134 QJV262132:QKG262134 PZZ262132:QAK262134 PQD262132:PQO262134 PGH262132:PGS262134 OWL262132:OWW262134 OMP262132:ONA262134 OCT262132:ODE262134 NSX262132:NTI262134 NJB262132:NJM262134 MZF262132:MZQ262134 MPJ262132:MPU262134 MFN262132:MFY262134 LVR262132:LWC262134 LLV262132:LMG262134 LBZ262132:LCK262134 KSD262132:KSO262134 KIH262132:KIS262134 JYL262132:JYW262134 JOP262132:JPA262134 JET262132:JFE262134 IUX262132:IVI262134 ILB262132:ILM262134 IBF262132:IBQ262134 HRJ262132:HRU262134 HHN262132:HHY262134 GXR262132:GYC262134 GNV262132:GOG262134 GDZ262132:GEK262134 FUD262132:FUO262134 FKH262132:FKS262134 FAL262132:FAW262134 EQP262132:ERA262134 EGT262132:EHE262134 DWX262132:DXI262134 DNB262132:DNM262134 DDF262132:DDQ262134 CTJ262132:CTU262134 CJN262132:CJY262134 BZR262132:CAC262134 BPV262132:BQG262134 BFZ262132:BGK262134 AWD262132:AWO262134 AMH262132:AMS262134 ACL262132:ACW262134 SP262132:TA262134 IT262132:JE262134 D262132:O262134 WVF196596:WVQ196598 WLJ196596:WLU196598 WBN196596:WBY196598 VRR196596:VSC196598 VHV196596:VIG196598 UXZ196596:UYK196598 UOD196596:UOO196598 UEH196596:UES196598 TUL196596:TUW196598 TKP196596:TLA196598 TAT196596:TBE196598 SQX196596:SRI196598 SHB196596:SHM196598 RXF196596:RXQ196598 RNJ196596:RNU196598 RDN196596:RDY196598 QTR196596:QUC196598 QJV196596:QKG196598 PZZ196596:QAK196598 PQD196596:PQO196598 PGH196596:PGS196598 OWL196596:OWW196598 OMP196596:ONA196598 OCT196596:ODE196598 NSX196596:NTI196598 NJB196596:NJM196598 MZF196596:MZQ196598 MPJ196596:MPU196598 MFN196596:MFY196598 LVR196596:LWC196598 LLV196596:LMG196598 LBZ196596:LCK196598 KSD196596:KSO196598 KIH196596:KIS196598 JYL196596:JYW196598 JOP196596:JPA196598 JET196596:JFE196598 IUX196596:IVI196598 ILB196596:ILM196598 IBF196596:IBQ196598 HRJ196596:HRU196598 HHN196596:HHY196598 GXR196596:GYC196598 GNV196596:GOG196598 GDZ196596:GEK196598 FUD196596:FUO196598 FKH196596:FKS196598 FAL196596:FAW196598 EQP196596:ERA196598 EGT196596:EHE196598 DWX196596:DXI196598 DNB196596:DNM196598 DDF196596:DDQ196598 CTJ196596:CTU196598 CJN196596:CJY196598 BZR196596:CAC196598 BPV196596:BQG196598 BFZ196596:BGK196598 AWD196596:AWO196598 AMH196596:AMS196598 ACL196596:ACW196598 SP196596:TA196598 IT196596:JE196598 D196596:O196598 WVF131060:WVQ131062 WLJ131060:WLU131062 WBN131060:WBY131062 VRR131060:VSC131062 VHV131060:VIG131062 UXZ131060:UYK131062 UOD131060:UOO131062 UEH131060:UES131062 TUL131060:TUW131062 TKP131060:TLA131062 TAT131060:TBE131062 SQX131060:SRI131062 SHB131060:SHM131062 RXF131060:RXQ131062 RNJ131060:RNU131062 RDN131060:RDY131062 QTR131060:QUC131062 QJV131060:QKG131062 PZZ131060:QAK131062 PQD131060:PQO131062 PGH131060:PGS131062 OWL131060:OWW131062 OMP131060:ONA131062 OCT131060:ODE131062 NSX131060:NTI131062 NJB131060:NJM131062 MZF131060:MZQ131062 MPJ131060:MPU131062 MFN131060:MFY131062 LVR131060:LWC131062 LLV131060:LMG131062 LBZ131060:LCK131062 KSD131060:KSO131062 KIH131060:KIS131062 JYL131060:JYW131062 JOP131060:JPA131062 JET131060:JFE131062 IUX131060:IVI131062 ILB131060:ILM131062 IBF131060:IBQ131062 HRJ131060:HRU131062 HHN131060:HHY131062 GXR131060:GYC131062 GNV131060:GOG131062 GDZ131060:GEK131062 FUD131060:FUO131062 FKH131060:FKS131062 FAL131060:FAW131062 EQP131060:ERA131062 EGT131060:EHE131062 DWX131060:DXI131062 DNB131060:DNM131062 DDF131060:DDQ131062 CTJ131060:CTU131062 CJN131060:CJY131062 BZR131060:CAC131062 BPV131060:BQG131062 BFZ131060:BGK131062 AWD131060:AWO131062 AMH131060:AMS131062 ACL131060:ACW131062 SP131060:TA131062 IT131060:JE131062 D131060:O131062 WVF65524:WVQ65526 WLJ65524:WLU65526 WBN65524:WBY65526 VRR65524:VSC65526 VHV65524:VIG65526 UXZ65524:UYK65526 UOD65524:UOO65526 UEH65524:UES65526 TUL65524:TUW65526 TKP65524:TLA65526 TAT65524:TBE65526 SQX65524:SRI65526 SHB65524:SHM65526 RXF65524:RXQ65526 RNJ65524:RNU65526 RDN65524:RDY65526 QTR65524:QUC65526 QJV65524:QKG65526 PZZ65524:QAK65526 PQD65524:PQO65526 PGH65524:PGS65526 OWL65524:OWW65526 OMP65524:ONA65526 OCT65524:ODE65526 NSX65524:NTI65526 NJB65524:NJM65526 MZF65524:MZQ65526 MPJ65524:MPU65526 MFN65524:MFY65526 LVR65524:LWC65526 LLV65524:LMG65526 LBZ65524:LCK65526 KSD65524:KSO65526 KIH65524:KIS65526 JYL65524:JYW65526 JOP65524:JPA65526 JET65524:JFE65526 IUX65524:IVI65526 ILB65524:ILM65526 IBF65524:IBQ65526 HRJ65524:HRU65526 HHN65524:HHY65526 GXR65524:GYC65526 GNV65524:GOG65526 GDZ65524:GEK65526 FUD65524:FUO65526 FKH65524:FKS65526 FAL65524:FAW65526 EQP65524:ERA65526 EGT65524:EHE65526 DWX65524:DXI65526 DNB65524:DNM65526 DDF65524:DDQ65526 CTJ65524:CTU65526 CJN65524:CJY65526 BZR65524:CAC65526 BPV65524:BQG65526 BFZ65524:BGK65526 AWD65524:AWO65526 AMH65524:AMS65526 ACL65524:ACW65526 SP65524:TA65526 IT65524:JE65526 D65524:O65526 IT12:JE14 WVF12:WVQ14 WLJ12:WLU14 WBN12:WBY14 VRR12:VSC14 VHV12:VIG14 UXZ12:UYK14 UOD12:UOO14 UEH12:UES14 TUL12:TUW14 TKP12:TLA14 TAT12:TBE14 SQX12:SRI14 SHB12:SHM14 RXF12:RXQ14 RNJ12:RNU14 RDN12:RDY14 QTR12:QUC14 QJV12:QKG14 PZZ12:QAK14 PQD12:PQO14 PGH12:PGS14 OWL12:OWW14 OMP12:ONA14 OCT12:ODE14 NSX12:NTI14 NJB12:NJM14 MZF12:MZQ14 MPJ12:MPU14 MFN12:MFY14 LVR12:LWC14 LLV12:LMG14 LBZ12:LCK14 KSD12:KSO14 KIH12:KIS14 JYL12:JYW14 JOP12:JPA14 JET12:JFE14 IUX12:IVI14 ILB12:ILM14 IBF12:IBQ14 HRJ12:HRU14 HHN12:HHY14 GXR12:GYC14 GNV12:GOG14 GDZ12:GEK14 FUD12:FUO14 FKH12:FKS14 FAL12:FAW14 EQP12:ERA14 EGT12:EHE14 DWX12:DXI14 DNB12:DNM14 DDF12:DDQ14 CTJ12:CTU14 CJN12:CJY14 BZR12:CAC14 BPV12:BQG14 BFZ12:BGK14 AWD12:AWO14 AMH12:AMS14 ACL12:ACW14 SP12:TA14 G12:G14" xr:uid="{00000000-0002-0000-0700-000004000000}">
      <formula1>D12=DBCS(D12)</formula1>
    </dataValidation>
    <dataValidation type="list" allowBlank="1" showInputMessage="1" showErrorMessage="1" sqref="WVP983038:WVR983041 SZ24:TB27 ACV24:ACX27 AMR24:AMT27 AWN24:AWP27 BGJ24:BGL27 BQF24:BQH27 CAB24:CAD27 CJX24:CJZ27 CTT24:CTV27 DDP24:DDR27 DNL24:DNN27 DXH24:DXJ27 EHD24:EHF27 EQZ24:ERB27 FAV24:FAX27 FKR24:FKT27 FUN24:FUP27 GEJ24:GEL27 GOF24:GOH27 GYB24:GYD27 HHX24:HHZ27 HRT24:HRV27 IBP24:IBR27 ILL24:ILN27 IVH24:IVJ27 JFD24:JFF27 JOZ24:JPB27 JYV24:JYX27 KIR24:KIT27 KSN24:KSP27 LCJ24:LCL27 LMF24:LMH27 LWB24:LWD27 MFX24:MFZ27 MPT24:MPV27 MZP24:MZR27 NJL24:NJN27 NTH24:NTJ27 ODD24:ODF27 OMZ24:ONB27 OWV24:OWX27 PGR24:PGT27 PQN24:PQP27 QAJ24:QAL27 QKF24:QKH27 QUB24:QUD27 RDX24:RDZ27 RNT24:RNV27 RXP24:RXR27 SHL24:SHN27 SRH24:SRJ27 TBD24:TBF27 TKZ24:TLB27 TUV24:TUX27 UER24:UET27 UON24:UOP27 UYJ24:UYL27 VIF24:VIH27 VSB24:VSD27 WBX24:WBZ27 WLT24:WLV27 WVP24:WVR27 JD24:JF27 N65534:P65537 JD65534:JF65537 SZ65534:TB65537 ACV65534:ACX65537 AMR65534:AMT65537 AWN65534:AWP65537 BGJ65534:BGL65537 BQF65534:BQH65537 CAB65534:CAD65537 CJX65534:CJZ65537 CTT65534:CTV65537 DDP65534:DDR65537 DNL65534:DNN65537 DXH65534:DXJ65537 EHD65534:EHF65537 EQZ65534:ERB65537 FAV65534:FAX65537 FKR65534:FKT65537 FUN65534:FUP65537 GEJ65534:GEL65537 GOF65534:GOH65537 GYB65534:GYD65537 HHX65534:HHZ65537 HRT65534:HRV65537 IBP65534:IBR65537 ILL65534:ILN65537 IVH65534:IVJ65537 JFD65534:JFF65537 JOZ65534:JPB65537 JYV65534:JYX65537 KIR65534:KIT65537 KSN65534:KSP65537 LCJ65534:LCL65537 LMF65534:LMH65537 LWB65534:LWD65537 MFX65534:MFZ65537 MPT65534:MPV65537 MZP65534:MZR65537 NJL65534:NJN65537 NTH65534:NTJ65537 ODD65534:ODF65537 OMZ65534:ONB65537 OWV65534:OWX65537 PGR65534:PGT65537 PQN65534:PQP65537 QAJ65534:QAL65537 QKF65534:QKH65537 QUB65534:QUD65537 RDX65534:RDZ65537 RNT65534:RNV65537 RXP65534:RXR65537 SHL65534:SHN65537 SRH65534:SRJ65537 TBD65534:TBF65537 TKZ65534:TLB65537 TUV65534:TUX65537 UER65534:UET65537 UON65534:UOP65537 UYJ65534:UYL65537 VIF65534:VIH65537 VSB65534:VSD65537 WBX65534:WBZ65537 WLT65534:WLV65537 WVP65534:WVR65537 N131070:P131073 JD131070:JF131073 SZ131070:TB131073 ACV131070:ACX131073 AMR131070:AMT131073 AWN131070:AWP131073 BGJ131070:BGL131073 BQF131070:BQH131073 CAB131070:CAD131073 CJX131070:CJZ131073 CTT131070:CTV131073 DDP131070:DDR131073 DNL131070:DNN131073 DXH131070:DXJ131073 EHD131070:EHF131073 EQZ131070:ERB131073 FAV131070:FAX131073 FKR131070:FKT131073 FUN131070:FUP131073 GEJ131070:GEL131073 GOF131070:GOH131073 GYB131070:GYD131073 HHX131070:HHZ131073 HRT131070:HRV131073 IBP131070:IBR131073 ILL131070:ILN131073 IVH131070:IVJ131073 JFD131070:JFF131073 JOZ131070:JPB131073 JYV131070:JYX131073 KIR131070:KIT131073 KSN131070:KSP131073 LCJ131070:LCL131073 LMF131070:LMH131073 LWB131070:LWD131073 MFX131070:MFZ131073 MPT131070:MPV131073 MZP131070:MZR131073 NJL131070:NJN131073 NTH131070:NTJ131073 ODD131070:ODF131073 OMZ131070:ONB131073 OWV131070:OWX131073 PGR131070:PGT131073 PQN131070:PQP131073 QAJ131070:QAL131073 QKF131070:QKH131073 QUB131070:QUD131073 RDX131070:RDZ131073 RNT131070:RNV131073 RXP131070:RXR131073 SHL131070:SHN131073 SRH131070:SRJ131073 TBD131070:TBF131073 TKZ131070:TLB131073 TUV131070:TUX131073 UER131070:UET131073 UON131070:UOP131073 UYJ131070:UYL131073 VIF131070:VIH131073 VSB131070:VSD131073 WBX131070:WBZ131073 WLT131070:WLV131073 WVP131070:WVR131073 N196606:P196609 JD196606:JF196609 SZ196606:TB196609 ACV196606:ACX196609 AMR196606:AMT196609 AWN196606:AWP196609 BGJ196606:BGL196609 BQF196606:BQH196609 CAB196606:CAD196609 CJX196606:CJZ196609 CTT196606:CTV196609 DDP196606:DDR196609 DNL196606:DNN196609 DXH196606:DXJ196609 EHD196606:EHF196609 EQZ196606:ERB196609 FAV196606:FAX196609 FKR196606:FKT196609 FUN196606:FUP196609 GEJ196606:GEL196609 GOF196606:GOH196609 GYB196606:GYD196609 HHX196606:HHZ196609 HRT196606:HRV196609 IBP196606:IBR196609 ILL196606:ILN196609 IVH196606:IVJ196609 JFD196606:JFF196609 JOZ196606:JPB196609 JYV196606:JYX196609 KIR196606:KIT196609 KSN196606:KSP196609 LCJ196606:LCL196609 LMF196606:LMH196609 LWB196606:LWD196609 MFX196606:MFZ196609 MPT196606:MPV196609 MZP196606:MZR196609 NJL196606:NJN196609 NTH196606:NTJ196609 ODD196606:ODF196609 OMZ196606:ONB196609 OWV196606:OWX196609 PGR196606:PGT196609 PQN196606:PQP196609 QAJ196606:QAL196609 QKF196606:QKH196609 QUB196606:QUD196609 RDX196606:RDZ196609 RNT196606:RNV196609 RXP196606:RXR196609 SHL196606:SHN196609 SRH196606:SRJ196609 TBD196606:TBF196609 TKZ196606:TLB196609 TUV196606:TUX196609 UER196606:UET196609 UON196606:UOP196609 UYJ196606:UYL196609 VIF196606:VIH196609 VSB196606:VSD196609 WBX196606:WBZ196609 WLT196606:WLV196609 WVP196606:WVR196609 N262142:P262145 JD262142:JF262145 SZ262142:TB262145 ACV262142:ACX262145 AMR262142:AMT262145 AWN262142:AWP262145 BGJ262142:BGL262145 BQF262142:BQH262145 CAB262142:CAD262145 CJX262142:CJZ262145 CTT262142:CTV262145 DDP262142:DDR262145 DNL262142:DNN262145 DXH262142:DXJ262145 EHD262142:EHF262145 EQZ262142:ERB262145 FAV262142:FAX262145 FKR262142:FKT262145 FUN262142:FUP262145 GEJ262142:GEL262145 GOF262142:GOH262145 GYB262142:GYD262145 HHX262142:HHZ262145 HRT262142:HRV262145 IBP262142:IBR262145 ILL262142:ILN262145 IVH262142:IVJ262145 JFD262142:JFF262145 JOZ262142:JPB262145 JYV262142:JYX262145 KIR262142:KIT262145 KSN262142:KSP262145 LCJ262142:LCL262145 LMF262142:LMH262145 LWB262142:LWD262145 MFX262142:MFZ262145 MPT262142:MPV262145 MZP262142:MZR262145 NJL262142:NJN262145 NTH262142:NTJ262145 ODD262142:ODF262145 OMZ262142:ONB262145 OWV262142:OWX262145 PGR262142:PGT262145 PQN262142:PQP262145 QAJ262142:QAL262145 QKF262142:QKH262145 QUB262142:QUD262145 RDX262142:RDZ262145 RNT262142:RNV262145 RXP262142:RXR262145 SHL262142:SHN262145 SRH262142:SRJ262145 TBD262142:TBF262145 TKZ262142:TLB262145 TUV262142:TUX262145 UER262142:UET262145 UON262142:UOP262145 UYJ262142:UYL262145 VIF262142:VIH262145 VSB262142:VSD262145 WBX262142:WBZ262145 WLT262142:WLV262145 WVP262142:WVR262145 N327678:P327681 JD327678:JF327681 SZ327678:TB327681 ACV327678:ACX327681 AMR327678:AMT327681 AWN327678:AWP327681 BGJ327678:BGL327681 BQF327678:BQH327681 CAB327678:CAD327681 CJX327678:CJZ327681 CTT327678:CTV327681 DDP327678:DDR327681 DNL327678:DNN327681 DXH327678:DXJ327681 EHD327678:EHF327681 EQZ327678:ERB327681 FAV327678:FAX327681 FKR327678:FKT327681 FUN327678:FUP327681 GEJ327678:GEL327681 GOF327678:GOH327681 GYB327678:GYD327681 HHX327678:HHZ327681 HRT327678:HRV327681 IBP327678:IBR327681 ILL327678:ILN327681 IVH327678:IVJ327681 JFD327678:JFF327681 JOZ327678:JPB327681 JYV327678:JYX327681 KIR327678:KIT327681 KSN327678:KSP327681 LCJ327678:LCL327681 LMF327678:LMH327681 LWB327678:LWD327681 MFX327678:MFZ327681 MPT327678:MPV327681 MZP327678:MZR327681 NJL327678:NJN327681 NTH327678:NTJ327681 ODD327678:ODF327681 OMZ327678:ONB327681 OWV327678:OWX327681 PGR327678:PGT327681 PQN327678:PQP327681 QAJ327678:QAL327681 QKF327678:QKH327681 QUB327678:QUD327681 RDX327678:RDZ327681 RNT327678:RNV327681 RXP327678:RXR327681 SHL327678:SHN327681 SRH327678:SRJ327681 TBD327678:TBF327681 TKZ327678:TLB327681 TUV327678:TUX327681 UER327678:UET327681 UON327678:UOP327681 UYJ327678:UYL327681 VIF327678:VIH327681 VSB327678:VSD327681 WBX327678:WBZ327681 WLT327678:WLV327681 WVP327678:WVR327681 N393214:P393217 JD393214:JF393217 SZ393214:TB393217 ACV393214:ACX393217 AMR393214:AMT393217 AWN393214:AWP393217 BGJ393214:BGL393217 BQF393214:BQH393217 CAB393214:CAD393217 CJX393214:CJZ393217 CTT393214:CTV393217 DDP393214:DDR393217 DNL393214:DNN393217 DXH393214:DXJ393217 EHD393214:EHF393217 EQZ393214:ERB393217 FAV393214:FAX393217 FKR393214:FKT393217 FUN393214:FUP393217 GEJ393214:GEL393217 GOF393214:GOH393217 GYB393214:GYD393217 HHX393214:HHZ393217 HRT393214:HRV393217 IBP393214:IBR393217 ILL393214:ILN393217 IVH393214:IVJ393217 JFD393214:JFF393217 JOZ393214:JPB393217 JYV393214:JYX393217 KIR393214:KIT393217 KSN393214:KSP393217 LCJ393214:LCL393217 LMF393214:LMH393217 LWB393214:LWD393217 MFX393214:MFZ393217 MPT393214:MPV393217 MZP393214:MZR393217 NJL393214:NJN393217 NTH393214:NTJ393217 ODD393214:ODF393217 OMZ393214:ONB393217 OWV393214:OWX393217 PGR393214:PGT393217 PQN393214:PQP393217 QAJ393214:QAL393217 QKF393214:QKH393217 QUB393214:QUD393217 RDX393214:RDZ393217 RNT393214:RNV393217 RXP393214:RXR393217 SHL393214:SHN393217 SRH393214:SRJ393217 TBD393214:TBF393217 TKZ393214:TLB393217 TUV393214:TUX393217 UER393214:UET393217 UON393214:UOP393217 UYJ393214:UYL393217 VIF393214:VIH393217 VSB393214:VSD393217 WBX393214:WBZ393217 WLT393214:WLV393217 WVP393214:WVR393217 N458750:P458753 JD458750:JF458753 SZ458750:TB458753 ACV458750:ACX458753 AMR458750:AMT458753 AWN458750:AWP458753 BGJ458750:BGL458753 BQF458750:BQH458753 CAB458750:CAD458753 CJX458750:CJZ458753 CTT458750:CTV458753 DDP458750:DDR458753 DNL458750:DNN458753 DXH458750:DXJ458753 EHD458750:EHF458753 EQZ458750:ERB458753 FAV458750:FAX458753 FKR458750:FKT458753 FUN458750:FUP458753 GEJ458750:GEL458753 GOF458750:GOH458753 GYB458750:GYD458753 HHX458750:HHZ458753 HRT458750:HRV458753 IBP458750:IBR458753 ILL458750:ILN458753 IVH458750:IVJ458753 JFD458750:JFF458753 JOZ458750:JPB458753 JYV458750:JYX458753 KIR458750:KIT458753 KSN458750:KSP458753 LCJ458750:LCL458753 LMF458750:LMH458753 LWB458750:LWD458753 MFX458750:MFZ458753 MPT458750:MPV458753 MZP458750:MZR458753 NJL458750:NJN458753 NTH458750:NTJ458753 ODD458750:ODF458753 OMZ458750:ONB458753 OWV458750:OWX458753 PGR458750:PGT458753 PQN458750:PQP458753 QAJ458750:QAL458753 QKF458750:QKH458753 QUB458750:QUD458753 RDX458750:RDZ458753 RNT458750:RNV458753 RXP458750:RXR458753 SHL458750:SHN458753 SRH458750:SRJ458753 TBD458750:TBF458753 TKZ458750:TLB458753 TUV458750:TUX458753 UER458750:UET458753 UON458750:UOP458753 UYJ458750:UYL458753 VIF458750:VIH458753 VSB458750:VSD458753 WBX458750:WBZ458753 WLT458750:WLV458753 WVP458750:WVR458753 N524286:P524289 JD524286:JF524289 SZ524286:TB524289 ACV524286:ACX524289 AMR524286:AMT524289 AWN524286:AWP524289 BGJ524286:BGL524289 BQF524286:BQH524289 CAB524286:CAD524289 CJX524286:CJZ524289 CTT524286:CTV524289 DDP524286:DDR524289 DNL524286:DNN524289 DXH524286:DXJ524289 EHD524286:EHF524289 EQZ524286:ERB524289 FAV524286:FAX524289 FKR524286:FKT524289 FUN524286:FUP524289 GEJ524286:GEL524289 GOF524286:GOH524289 GYB524286:GYD524289 HHX524286:HHZ524289 HRT524286:HRV524289 IBP524286:IBR524289 ILL524286:ILN524289 IVH524286:IVJ524289 JFD524286:JFF524289 JOZ524286:JPB524289 JYV524286:JYX524289 KIR524286:KIT524289 KSN524286:KSP524289 LCJ524286:LCL524289 LMF524286:LMH524289 LWB524286:LWD524289 MFX524286:MFZ524289 MPT524286:MPV524289 MZP524286:MZR524289 NJL524286:NJN524289 NTH524286:NTJ524289 ODD524286:ODF524289 OMZ524286:ONB524289 OWV524286:OWX524289 PGR524286:PGT524289 PQN524286:PQP524289 QAJ524286:QAL524289 QKF524286:QKH524289 QUB524286:QUD524289 RDX524286:RDZ524289 RNT524286:RNV524289 RXP524286:RXR524289 SHL524286:SHN524289 SRH524286:SRJ524289 TBD524286:TBF524289 TKZ524286:TLB524289 TUV524286:TUX524289 UER524286:UET524289 UON524286:UOP524289 UYJ524286:UYL524289 VIF524286:VIH524289 VSB524286:VSD524289 WBX524286:WBZ524289 WLT524286:WLV524289 WVP524286:WVR524289 N589822:P589825 JD589822:JF589825 SZ589822:TB589825 ACV589822:ACX589825 AMR589822:AMT589825 AWN589822:AWP589825 BGJ589822:BGL589825 BQF589822:BQH589825 CAB589822:CAD589825 CJX589822:CJZ589825 CTT589822:CTV589825 DDP589822:DDR589825 DNL589822:DNN589825 DXH589822:DXJ589825 EHD589822:EHF589825 EQZ589822:ERB589825 FAV589822:FAX589825 FKR589822:FKT589825 FUN589822:FUP589825 GEJ589822:GEL589825 GOF589822:GOH589825 GYB589822:GYD589825 HHX589822:HHZ589825 HRT589822:HRV589825 IBP589822:IBR589825 ILL589822:ILN589825 IVH589822:IVJ589825 JFD589822:JFF589825 JOZ589822:JPB589825 JYV589822:JYX589825 KIR589822:KIT589825 KSN589822:KSP589825 LCJ589822:LCL589825 LMF589822:LMH589825 LWB589822:LWD589825 MFX589822:MFZ589825 MPT589822:MPV589825 MZP589822:MZR589825 NJL589822:NJN589825 NTH589822:NTJ589825 ODD589822:ODF589825 OMZ589822:ONB589825 OWV589822:OWX589825 PGR589822:PGT589825 PQN589822:PQP589825 QAJ589822:QAL589825 QKF589822:QKH589825 QUB589822:QUD589825 RDX589822:RDZ589825 RNT589822:RNV589825 RXP589822:RXR589825 SHL589822:SHN589825 SRH589822:SRJ589825 TBD589822:TBF589825 TKZ589822:TLB589825 TUV589822:TUX589825 UER589822:UET589825 UON589822:UOP589825 UYJ589822:UYL589825 VIF589822:VIH589825 VSB589822:VSD589825 WBX589822:WBZ589825 WLT589822:WLV589825 WVP589822:WVR589825 N655358:P655361 JD655358:JF655361 SZ655358:TB655361 ACV655358:ACX655361 AMR655358:AMT655361 AWN655358:AWP655361 BGJ655358:BGL655361 BQF655358:BQH655361 CAB655358:CAD655361 CJX655358:CJZ655361 CTT655358:CTV655361 DDP655358:DDR655361 DNL655358:DNN655361 DXH655358:DXJ655361 EHD655358:EHF655361 EQZ655358:ERB655361 FAV655358:FAX655361 FKR655358:FKT655361 FUN655358:FUP655361 GEJ655358:GEL655361 GOF655358:GOH655361 GYB655358:GYD655361 HHX655358:HHZ655361 HRT655358:HRV655361 IBP655358:IBR655361 ILL655358:ILN655361 IVH655358:IVJ655361 JFD655358:JFF655361 JOZ655358:JPB655361 JYV655358:JYX655361 KIR655358:KIT655361 KSN655358:KSP655361 LCJ655358:LCL655361 LMF655358:LMH655361 LWB655358:LWD655361 MFX655358:MFZ655361 MPT655358:MPV655361 MZP655358:MZR655361 NJL655358:NJN655361 NTH655358:NTJ655361 ODD655358:ODF655361 OMZ655358:ONB655361 OWV655358:OWX655361 PGR655358:PGT655361 PQN655358:PQP655361 QAJ655358:QAL655361 QKF655358:QKH655361 QUB655358:QUD655361 RDX655358:RDZ655361 RNT655358:RNV655361 RXP655358:RXR655361 SHL655358:SHN655361 SRH655358:SRJ655361 TBD655358:TBF655361 TKZ655358:TLB655361 TUV655358:TUX655361 UER655358:UET655361 UON655358:UOP655361 UYJ655358:UYL655361 VIF655358:VIH655361 VSB655358:VSD655361 WBX655358:WBZ655361 WLT655358:WLV655361 WVP655358:WVR655361 N720894:P720897 JD720894:JF720897 SZ720894:TB720897 ACV720894:ACX720897 AMR720894:AMT720897 AWN720894:AWP720897 BGJ720894:BGL720897 BQF720894:BQH720897 CAB720894:CAD720897 CJX720894:CJZ720897 CTT720894:CTV720897 DDP720894:DDR720897 DNL720894:DNN720897 DXH720894:DXJ720897 EHD720894:EHF720897 EQZ720894:ERB720897 FAV720894:FAX720897 FKR720894:FKT720897 FUN720894:FUP720897 GEJ720894:GEL720897 GOF720894:GOH720897 GYB720894:GYD720897 HHX720894:HHZ720897 HRT720894:HRV720897 IBP720894:IBR720897 ILL720894:ILN720897 IVH720894:IVJ720897 JFD720894:JFF720897 JOZ720894:JPB720897 JYV720894:JYX720897 KIR720894:KIT720897 KSN720894:KSP720897 LCJ720894:LCL720897 LMF720894:LMH720897 LWB720894:LWD720897 MFX720894:MFZ720897 MPT720894:MPV720897 MZP720894:MZR720897 NJL720894:NJN720897 NTH720894:NTJ720897 ODD720894:ODF720897 OMZ720894:ONB720897 OWV720894:OWX720897 PGR720894:PGT720897 PQN720894:PQP720897 QAJ720894:QAL720897 QKF720894:QKH720897 QUB720894:QUD720897 RDX720894:RDZ720897 RNT720894:RNV720897 RXP720894:RXR720897 SHL720894:SHN720897 SRH720894:SRJ720897 TBD720894:TBF720897 TKZ720894:TLB720897 TUV720894:TUX720897 UER720894:UET720897 UON720894:UOP720897 UYJ720894:UYL720897 VIF720894:VIH720897 VSB720894:VSD720897 WBX720894:WBZ720897 WLT720894:WLV720897 WVP720894:WVR720897 N786430:P786433 JD786430:JF786433 SZ786430:TB786433 ACV786430:ACX786433 AMR786430:AMT786433 AWN786430:AWP786433 BGJ786430:BGL786433 BQF786430:BQH786433 CAB786430:CAD786433 CJX786430:CJZ786433 CTT786430:CTV786433 DDP786430:DDR786433 DNL786430:DNN786433 DXH786430:DXJ786433 EHD786430:EHF786433 EQZ786430:ERB786433 FAV786430:FAX786433 FKR786430:FKT786433 FUN786430:FUP786433 GEJ786430:GEL786433 GOF786430:GOH786433 GYB786430:GYD786433 HHX786430:HHZ786433 HRT786430:HRV786433 IBP786430:IBR786433 ILL786430:ILN786433 IVH786430:IVJ786433 JFD786430:JFF786433 JOZ786430:JPB786433 JYV786430:JYX786433 KIR786430:KIT786433 KSN786430:KSP786433 LCJ786430:LCL786433 LMF786430:LMH786433 LWB786430:LWD786433 MFX786430:MFZ786433 MPT786430:MPV786433 MZP786430:MZR786433 NJL786430:NJN786433 NTH786430:NTJ786433 ODD786430:ODF786433 OMZ786430:ONB786433 OWV786430:OWX786433 PGR786430:PGT786433 PQN786430:PQP786433 QAJ786430:QAL786433 QKF786430:QKH786433 QUB786430:QUD786433 RDX786430:RDZ786433 RNT786430:RNV786433 RXP786430:RXR786433 SHL786430:SHN786433 SRH786430:SRJ786433 TBD786430:TBF786433 TKZ786430:TLB786433 TUV786430:TUX786433 UER786430:UET786433 UON786430:UOP786433 UYJ786430:UYL786433 VIF786430:VIH786433 VSB786430:VSD786433 WBX786430:WBZ786433 WLT786430:WLV786433 WVP786430:WVR786433 N851966:P851969 JD851966:JF851969 SZ851966:TB851969 ACV851966:ACX851969 AMR851966:AMT851969 AWN851966:AWP851969 BGJ851966:BGL851969 BQF851966:BQH851969 CAB851966:CAD851969 CJX851966:CJZ851969 CTT851966:CTV851969 DDP851966:DDR851969 DNL851966:DNN851969 DXH851966:DXJ851969 EHD851966:EHF851969 EQZ851966:ERB851969 FAV851966:FAX851969 FKR851966:FKT851969 FUN851966:FUP851969 GEJ851966:GEL851969 GOF851966:GOH851969 GYB851966:GYD851969 HHX851966:HHZ851969 HRT851966:HRV851969 IBP851966:IBR851969 ILL851966:ILN851969 IVH851966:IVJ851969 JFD851966:JFF851969 JOZ851966:JPB851969 JYV851966:JYX851969 KIR851966:KIT851969 KSN851966:KSP851969 LCJ851966:LCL851969 LMF851966:LMH851969 LWB851966:LWD851969 MFX851966:MFZ851969 MPT851966:MPV851969 MZP851966:MZR851969 NJL851966:NJN851969 NTH851966:NTJ851969 ODD851966:ODF851969 OMZ851966:ONB851969 OWV851966:OWX851969 PGR851966:PGT851969 PQN851966:PQP851969 QAJ851966:QAL851969 QKF851966:QKH851969 QUB851966:QUD851969 RDX851966:RDZ851969 RNT851966:RNV851969 RXP851966:RXR851969 SHL851966:SHN851969 SRH851966:SRJ851969 TBD851966:TBF851969 TKZ851966:TLB851969 TUV851966:TUX851969 UER851966:UET851969 UON851966:UOP851969 UYJ851966:UYL851969 VIF851966:VIH851969 VSB851966:VSD851969 WBX851966:WBZ851969 WLT851966:WLV851969 WVP851966:WVR851969 N917502:P917505 JD917502:JF917505 SZ917502:TB917505 ACV917502:ACX917505 AMR917502:AMT917505 AWN917502:AWP917505 BGJ917502:BGL917505 BQF917502:BQH917505 CAB917502:CAD917505 CJX917502:CJZ917505 CTT917502:CTV917505 DDP917502:DDR917505 DNL917502:DNN917505 DXH917502:DXJ917505 EHD917502:EHF917505 EQZ917502:ERB917505 FAV917502:FAX917505 FKR917502:FKT917505 FUN917502:FUP917505 GEJ917502:GEL917505 GOF917502:GOH917505 GYB917502:GYD917505 HHX917502:HHZ917505 HRT917502:HRV917505 IBP917502:IBR917505 ILL917502:ILN917505 IVH917502:IVJ917505 JFD917502:JFF917505 JOZ917502:JPB917505 JYV917502:JYX917505 KIR917502:KIT917505 KSN917502:KSP917505 LCJ917502:LCL917505 LMF917502:LMH917505 LWB917502:LWD917505 MFX917502:MFZ917505 MPT917502:MPV917505 MZP917502:MZR917505 NJL917502:NJN917505 NTH917502:NTJ917505 ODD917502:ODF917505 OMZ917502:ONB917505 OWV917502:OWX917505 PGR917502:PGT917505 PQN917502:PQP917505 QAJ917502:QAL917505 QKF917502:QKH917505 QUB917502:QUD917505 RDX917502:RDZ917505 RNT917502:RNV917505 RXP917502:RXR917505 SHL917502:SHN917505 SRH917502:SRJ917505 TBD917502:TBF917505 TKZ917502:TLB917505 TUV917502:TUX917505 UER917502:UET917505 UON917502:UOP917505 UYJ917502:UYL917505 VIF917502:VIH917505 VSB917502:VSD917505 WBX917502:WBZ917505 WLT917502:WLV917505 WVP917502:WVR917505 N983038:P983041 JD983038:JF983041 SZ983038:TB983041 ACV983038:ACX983041 AMR983038:AMT983041 AWN983038:AWP983041 BGJ983038:BGL983041 BQF983038:BQH983041 CAB983038:CAD983041 CJX983038:CJZ983041 CTT983038:CTV983041 DDP983038:DDR983041 DNL983038:DNN983041 DXH983038:DXJ983041 EHD983038:EHF983041 EQZ983038:ERB983041 FAV983038:FAX983041 FKR983038:FKT983041 FUN983038:FUP983041 GEJ983038:GEL983041 GOF983038:GOH983041 GYB983038:GYD983041 HHX983038:HHZ983041 HRT983038:HRV983041 IBP983038:IBR983041 ILL983038:ILN983041 IVH983038:IVJ983041 JFD983038:JFF983041 JOZ983038:JPB983041 JYV983038:JYX983041 KIR983038:KIT983041 KSN983038:KSP983041 LCJ983038:LCL983041 LMF983038:LMH983041 LWB983038:LWD983041 MFX983038:MFZ983041 MPT983038:MPV983041 MZP983038:MZR983041 NJL983038:NJN983041 NTH983038:NTJ983041 ODD983038:ODF983041 OMZ983038:ONB983041 OWV983038:OWX983041 PGR983038:PGT983041 PQN983038:PQP983041 QAJ983038:QAL983041 QKF983038:QKH983041 QUB983038:QUD983041 RDX983038:RDZ983041 RNT983038:RNV983041 RXP983038:RXR983041 SHL983038:SHN983041 SRH983038:SRJ983041 TBD983038:TBF983041 TKZ983038:TLB983041 TUV983038:TUX983041 UER983038:UET983041 UON983038:UOP983041 UYJ983038:UYL983041 VIF983038:VIH983041 VSB983038:VSD983041 WBX983038:WBZ983041 WLT983038:WLV983041" xr:uid="{00000000-0002-0000-0700-000005000000}">
      <formula1>$AF$24:$AF$24</formula1>
    </dataValidation>
    <dataValidation allowBlank="1" showInputMessage="1" showErrorMessage="1" promptTitle="提出年月日" prompt="和暦で記入してください。" sqref="O6:Q6" xr:uid="{00000000-0002-0000-0700-000006000000}"/>
  </dataValidations>
  <printOptions horizontalCentered="1"/>
  <pageMargins left="0.59055118110236227" right="0.59055118110236227" top="0.59055118110236227" bottom="0.59055118110236227" header="0.31496062992125984" footer="0.31496062992125984"/>
  <pageSetup paperSize="9" scale="81" orientation="portrait" blackAndWhite="1"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様式１（登録申請）</vt:lpstr>
      <vt:lpstr>様式２（０円ソーラー）</vt:lpstr>
      <vt:lpstr>様式３（誓約書）</vt:lpstr>
      <vt:lpstr>様式４（役員一覧）</vt:lpstr>
      <vt:lpstr>様式５（対応報告）</vt:lpstr>
      <vt:lpstr>様式６（変更申請）</vt:lpstr>
      <vt:lpstr>様式７（抹消申請）</vt:lpstr>
      <vt:lpstr>'様式１（登録申請）'!Print_Area</vt:lpstr>
      <vt:lpstr>'様式２（０円ソーラー）'!Print_Area</vt:lpstr>
      <vt:lpstr>'様式３（誓約書）'!Print_Area</vt:lpstr>
      <vt:lpstr>'様式５（対応報告）'!Print_Area</vt:lpstr>
      <vt:lpstr>'様式６（変更申請）'!Print_Area</vt:lpstr>
      <vt:lpstr>'様式７（抹消申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 剛史</dc:creator>
  <cp:lastModifiedBy>user</cp:lastModifiedBy>
  <cp:lastPrinted>2025-04-15T00:05:17Z</cp:lastPrinted>
  <dcterms:created xsi:type="dcterms:W3CDTF">2020-02-13T04:01:58Z</dcterms:created>
  <dcterms:modified xsi:type="dcterms:W3CDTF">2026-03-31T01:06:19Z</dcterms:modified>
</cp:coreProperties>
</file>